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C:\Users\s00056\Desktop\"/>
    </mc:Choice>
  </mc:AlternateContent>
  <xr:revisionPtr revIDLastSave="0" documentId="13_ncr:1_{D5CD06A1-A208-48CB-BF33-7F0063D2AF4D}" xr6:coauthVersionLast="47" xr6:coauthVersionMax="47" xr10:uidLastSave="{00000000-0000-0000-0000-000000000000}"/>
  <bookViews>
    <workbookView xWindow="28680" yWindow="-120" windowWidth="20730" windowHeight="11040" xr2:uid="{00000000-000D-0000-FFFF-FFFF00000000}"/>
  </bookViews>
  <sheets>
    <sheet name="１３一般" sheetId="33"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8" uniqueCount="79">
  <si>
    <t>番号</t>
    <rPh sb="0" eb="2">
      <t>バンゴウ</t>
    </rPh>
    <phoneticPr fontId="1"/>
  </si>
  <si>
    <t>一般</t>
    <rPh sb="0" eb="2">
      <t>イッパン</t>
    </rPh>
    <phoneticPr fontId="1"/>
  </si>
  <si>
    <t>タイトル</t>
    <phoneticPr fontId="1"/>
  </si>
  <si>
    <t>VHS・DVD</t>
    <phoneticPr fontId="1"/>
  </si>
  <si>
    <t>アニメ</t>
    <phoneticPr fontId="1"/>
  </si>
  <si>
    <t>内容</t>
    <rPh sb="0" eb="2">
      <t>ナイヨウ</t>
    </rPh>
    <phoneticPr fontId="1"/>
  </si>
  <si>
    <t>夕映えに輝く汗</t>
  </si>
  <si>
    <t>VHS</t>
    <phoneticPr fontId="4"/>
  </si>
  <si>
    <t>第１８回全国身体障害者スポーツ大会（手話入り）</t>
  </si>
  <si>
    <t>飛鳥―ＡＳＵＫＡ―</t>
  </si>
  <si>
    <t>最新鋭のクルーズ客船《飛鳥》のプロモーションビデオ</t>
  </si>
  <si>
    <t>ＯＨ！ナイスドライブ</t>
  </si>
  <si>
    <t>ユーモアあふれる司会と快適なテンポで安全運転とナイスドライブをやさしく、わかりやすく展開していきます。</t>
  </si>
  <si>
    <t>遺伝のしくみ</t>
  </si>
  <si>
    <t>純系の提示・Ｆ１の紋様・Ｆ２の分離とその仕組み・優性の法則</t>
  </si>
  <si>
    <t>DVD</t>
    <phoneticPr fontId="1"/>
  </si>
  <si>
    <t>皇后陛下　美智子さま</t>
    <rPh sb="7" eb="8">
      <t>コ</t>
    </rPh>
    <phoneticPr fontId="4"/>
  </si>
  <si>
    <t>長い間、天皇陛下のお側でお過ごしになられた美智子皇后様の日常生活が紹介されています。</t>
  </si>
  <si>
    <t>DVD</t>
    <phoneticPr fontId="4"/>
  </si>
  <si>
    <t>手仕事　伝統の技と心①岩手県遠野最後の桶職人</t>
    <rPh sb="11" eb="14">
      <t>イワテケン</t>
    </rPh>
    <rPh sb="14" eb="16">
      <t>トウノ</t>
    </rPh>
    <rPh sb="16" eb="18">
      <t>サイゴ</t>
    </rPh>
    <rPh sb="19" eb="22">
      <t>オケショクニン</t>
    </rPh>
    <phoneticPr fontId="4"/>
  </si>
  <si>
    <t>手仕事　伝統の技と心②東京都江戸風鈴</t>
    <rPh sb="11" eb="14">
      <t>トウキョウト</t>
    </rPh>
    <rPh sb="14" eb="18">
      <t>エドフウリン</t>
    </rPh>
    <phoneticPr fontId="4"/>
  </si>
  <si>
    <t>手仕事　伝統の技と心③神奈川県あぶ凧</t>
    <rPh sb="11" eb="14">
      <t>カナガワ</t>
    </rPh>
    <rPh sb="14" eb="15">
      <t>ケン</t>
    </rPh>
    <rPh sb="17" eb="18">
      <t>タコ</t>
    </rPh>
    <phoneticPr fontId="4"/>
  </si>
  <si>
    <t>手仕事　伝統の技と心④沖縄県三線</t>
    <rPh sb="11" eb="13">
      <t>オキナワ</t>
    </rPh>
    <rPh sb="13" eb="14">
      <t>ケン</t>
    </rPh>
    <rPh sb="14" eb="15">
      <t>ミ</t>
    </rPh>
    <rPh sb="15" eb="16">
      <t>セン</t>
    </rPh>
    <phoneticPr fontId="4"/>
  </si>
  <si>
    <t>手仕事　伝統の技と心⑤東京都浮世絵摺師</t>
    <rPh sb="11" eb="13">
      <t>トウキョウ</t>
    </rPh>
    <rPh sb="13" eb="14">
      <t>ト</t>
    </rPh>
    <rPh sb="14" eb="17">
      <t>ウキヨエ</t>
    </rPh>
    <rPh sb="17" eb="19">
      <t>スリシ</t>
    </rPh>
    <phoneticPr fontId="4"/>
  </si>
  <si>
    <t>日本人の日常生活に息づいてきた工芸品。それらを創り出す磨き上げられた手仕事の技、そんな現代日本人の職人の技をビデオ作品に仕上げました。人にやさしく仕事に厳しい職人さんの人間味溢れるインタビューを交えながら、失われつつある日本の技と心を次世代へ伝える。貴重な映像作品です。</t>
  </si>
  <si>
    <t>手仕事　伝統の技と心⑧石川県加賀水引細工</t>
    <rPh sb="11" eb="13">
      <t>イシカワ</t>
    </rPh>
    <rPh sb="13" eb="14">
      <t>ケン</t>
    </rPh>
    <rPh sb="14" eb="16">
      <t>カガ</t>
    </rPh>
    <rPh sb="16" eb="18">
      <t>ミズヒキ</t>
    </rPh>
    <rPh sb="18" eb="20">
      <t>サイク</t>
    </rPh>
    <phoneticPr fontId="4"/>
  </si>
  <si>
    <t>手仕事　伝統の技と心⑨岐阜県和ろうそく</t>
    <rPh sb="11" eb="13">
      <t>ギフ</t>
    </rPh>
    <rPh sb="13" eb="14">
      <t>ケン</t>
    </rPh>
    <rPh sb="14" eb="15">
      <t>ワ</t>
    </rPh>
    <phoneticPr fontId="4"/>
  </si>
  <si>
    <t>手仕事　伝統の技と心⑩茨城県西ノ内紙</t>
    <rPh sb="11" eb="13">
      <t>イバラキ</t>
    </rPh>
    <rPh sb="13" eb="14">
      <t>ケン</t>
    </rPh>
    <rPh sb="14" eb="15">
      <t>ニシ</t>
    </rPh>
    <rPh sb="16" eb="17">
      <t>ナイ</t>
    </rPh>
    <rPh sb="17" eb="18">
      <t>シ</t>
    </rPh>
    <phoneticPr fontId="4"/>
  </si>
  <si>
    <t>手仕事　伝統の技と心⑪徳島県文楽のかしら</t>
    <rPh sb="11" eb="13">
      <t>トクシマ</t>
    </rPh>
    <rPh sb="13" eb="14">
      <t>ケン</t>
    </rPh>
    <rPh sb="14" eb="16">
      <t>ムンラク</t>
    </rPh>
    <phoneticPr fontId="4"/>
  </si>
  <si>
    <t>手仕事　伝統の技と心⑫千葉県総火造り鋏</t>
    <rPh sb="11" eb="13">
      <t>チバ</t>
    </rPh>
    <rPh sb="13" eb="14">
      <t>ケン</t>
    </rPh>
    <rPh sb="14" eb="15">
      <t>ソウ</t>
    </rPh>
    <rPh sb="15" eb="16">
      <t>ヒ</t>
    </rPh>
    <rPh sb="16" eb="17">
      <t>ツク</t>
    </rPh>
    <rPh sb="18" eb="19">
      <t>ハサミ</t>
    </rPh>
    <phoneticPr fontId="4"/>
  </si>
  <si>
    <t>手仕事　伝統の技と心⑬埼玉県押絵羽子板</t>
    <rPh sb="11" eb="13">
      <t>サイタマ</t>
    </rPh>
    <rPh sb="13" eb="14">
      <t>ケン</t>
    </rPh>
    <rPh sb="14" eb="16">
      <t>オシエ</t>
    </rPh>
    <rPh sb="16" eb="17">
      <t>ハネ</t>
    </rPh>
    <rPh sb="17" eb="18">
      <t>コ</t>
    </rPh>
    <rPh sb="18" eb="19">
      <t>イタ</t>
    </rPh>
    <phoneticPr fontId="4"/>
  </si>
  <si>
    <t>歯・口の健康シリーズ　「ワクワク探検隊出動」</t>
  </si>
  <si>
    <t>口の中は、不思議な国、「歯の形を作ろう、歯の形と役割を考えよう、歯みがき博士になろう等」口の中に興味を持たせるよう制作しています。</t>
  </si>
  <si>
    <t>裁判員制度</t>
  </si>
  <si>
    <t>戦前の一時期、我が国でも「陪審制度」が行われていた。６０年以上の時を経て我が国で本格的な司法への国民参加を実現することになる「裁判員制度」。その概略をたどりながら、そこに参加するごく普通の人々を描く。</t>
  </si>
  <si>
    <t>ホーム・スィートホーム</t>
  </si>
  <si>
    <t>様々な暮らしの中の、それぞれの人生　　ひとりの痴呆症の老人をめぐる心温まる家族愛のドラマ、元オペラ歌手山下宏を通して、壮麗な岩手山、グループホーム「おばんでかんす」を舞台に心優しき人たちとのふれあいと、再生のドラマが展開する。</t>
  </si>
  <si>
    <t>日本の海運</t>
  </si>
  <si>
    <t>大量に、安全に、速く，環境にやさしく、必要なときに、必要な物資を運ぶ、海運はくらしと産業を支えるライフラインです。</t>
  </si>
  <si>
    <t>いのち輝くとき</t>
  </si>
  <si>
    <t>マンションに隣接した畑はふれあい菜園と名づけられ、お年寄りを中心にマンションの住民達が野菜や花を植えている。そこに住む稔（４歳）は父親に受けた虐待が原因で心を閉ざしている。お年寄り達が稔とその家族をなんとか立ち直らすために発奮する内容である。</t>
  </si>
  <si>
    <t>３．１１東日本大震災から学ぶ　津波･命を守る心構え</t>
    <rPh sb="4" eb="7">
      <t>ヒガシニホン</t>
    </rPh>
    <rPh sb="7" eb="10">
      <t>ダイシンサイ</t>
    </rPh>
    <rPh sb="12" eb="13">
      <t>マナ</t>
    </rPh>
    <rPh sb="15" eb="17">
      <t>ツナミ</t>
    </rPh>
    <rPh sb="18" eb="19">
      <t>イノチ</t>
    </rPh>
    <rPh sb="20" eb="21">
      <t>マモ</t>
    </rPh>
    <rPh sb="22" eb="23">
      <t>ココロ</t>
    </rPh>
    <rPh sb="23" eb="24">
      <t>カマ</t>
    </rPh>
    <phoneticPr fontId="4"/>
  </si>
  <si>
    <t>東日本大震災は、想定外の巨大な津波を引き起こし、東北地方の沿岸を中心に多くの死者･行方不明者を出した。津波という自然災害から命をいくためにはどのような意識をもちどんな行動をすべきか考える。釜石で長年防災の指導をしてきた片田敏孝教授にお話を伺う。</t>
    <rPh sb="0" eb="3">
      <t>ヒガシニホン</t>
    </rPh>
    <rPh sb="3" eb="6">
      <t>ダイシンサイ</t>
    </rPh>
    <rPh sb="8" eb="11">
      <t>ソウテイガイ</t>
    </rPh>
    <rPh sb="12" eb="14">
      <t>キョダイ</t>
    </rPh>
    <rPh sb="15" eb="17">
      <t>ツナミ</t>
    </rPh>
    <rPh sb="18" eb="19">
      <t>ヒ</t>
    </rPh>
    <rPh sb="20" eb="21">
      <t>オ</t>
    </rPh>
    <rPh sb="24" eb="26">
      <t>トウホク</t>
    </rPh>
    <rPh sb="26" eb="28">
      <t>チホウ</t>
    </rPh>
    <rPh sb="29" eb="31">
      <t>エンガン</t>
    </rPh>
    <rPh sb="32" eb="34">
      <t>チュウシン</t>
    </rPh>
    <rPh sb="35" eb="36">
      <t>オオ</t>
    </rPh>
    <rPh sb="38" eb="40">
      <t>シシャ</t>
    </rPh>
    <rPh sb="41" eb="43">
      <t>ユクエ</t>
    </rPh>
    <phoneticPr fontId="4"/>
  </si>
  <si>
    <t>ドライブレコーダーの証言-危険予測を学ぶー</t>
    <rPh sb="10" eb="12">
      <t>ショウゲン</t>
    </rPh>
    <rPh sb="13" eb="15">
      <t>キケン</t>
    </rPh>
    <rPh sb="15" eb="17">
      <t>ヨソク</t>
    </rPh>
    <rPh sb="18" eb="19">
      <t>マナ</t>
    </rPh>
    <phoneticPr fontId="4"/>
  </si>
  <si>
    <t>ドライブレコーダーの映像を元に、自己の原因を探り、問題点を明らかにし、正しい運転の方法を再現。自己を未然に防ぐ、危険予測の方法を学べるように構成し、安全運転を訴えます。</t>
    <rPh sb="10" eb="12">
      <t>エイゾウ</t>
    </rPh>
    <rPh sb="13" eb="14">
      <t>モト</t>
    </rPh>
    <rPh sb="16" eb="18">
      <t>ジコ</t>
    </rPh>
    <rPh sb="19" eb="21">
      <t>ゲンイン</t>
    </rPh>
    <rPh sb="22" eb="23">
      <t>サグ</t>
    </rPh>
    <rPh sb="25" eb="28">
      <t>モンダイテン</t>
    </rPh>
    <rPh sb="29" eb="30">
      <t>アキ</t>
    </rPh>
    <rPh sb="35" eb="36">
      <t>タダ</t>
    </rPh>
    <rPh sb="38" eb="40">
      <t>ウンテン</t>
    </rPh>
    <rPh sb="41" eb="43">
      <t>ホウホウ</t>
    </rPh>
    <rPh sb="44" eb="46">
      <t>サイゲン</t>
    </rPh>
    <rPh sb="47" eb="49">
      <t>ジコ</t>
    </rPh>
    <rPh sb="50" eb="52">
      <t>ミゼン</t>
    </rPh>
    <rPh sb="53" eb="54">
      <t>フセ</t>
    </rPh>
    <rPh sb="56" eb="58">
      <t>キケン</t>
    </rPh>
    <rPh sb="58" eb="60">
      <t>ヨソク</t>
    </rPh>
    <rPh sb="61" eb="63">
      <t>ホウホウ</t>
    </rPh>
    <rPh sb="64" eb="65">
      <t>マナ</t>
    </rPh>
    <rPh sb="70" eb="72">
      <t>コウセイ</t>
    </rPh>
    <rPh sb="74" eb="76">
      <t>アンゼン</t>
    </rPh>
    <rPh sb="76" eb="78">
      <t>ウンテン</t>
    </rPh>
    <rPh sb="79" eb="80">
      <t>ウッタ</t>
    </rPh>
    <phoneticPr fontId="4"/>
  </si>
  <si>
    <t>日本の森シリーズ　　北の大地に息づく命　亜寒帯･北海道の森</t>
    <rPh sb="0" eb="2">
      <t>ニホン</t>
    </rPh>
    <rPh sb="3" eb="4">
      <t>モリ</t>
    </rPh>
    <rPh sb="10" eb="11">
      <t>キタ</t>
    </rPh>
    <rPh sb="12" eb="14">
      <t>ダイチ</t>
    </rPh>
    <rPh sb="15" eb="16">
      <t>イキ</t>
    </rPh>
    <rPh sb="18" eb="19">
      <t>イノチ</t>
    </rPh>
    <rPh sb="20" eb="23">
      <t>アカンタイ</t>
    </rPh>
    <rPh sb="24" eb="27">
      <t>ホッカイドウ</t>
    </rPh>
    <rPh sb="28" eb="29">
      <t>モリ</t>
    </rPh>
    <phoneticPr fontId="4"/>
  </si>
  <si>
    <t>日本の森シリーズ　　四季が育む生命の山々　東北･冷温隊の森</t>
    <rPh sb="0" eb="2">
      <t>ニホン</t>
    </rPh>
    <rPh sb="3" eb="4">
      <t>モリ</t>
    </rPh>
    <rPh sb="10" eb="12">
      <t>シキ</t>
    </rPh>
    <rPh sb="13" eb="14">
      <t>ハグク</t>
    </rPh>
    <rPh sb="15" eb="17">
      <t>セイメイ</t>
    </rPh>
    <rPh sb="18" eb="20">
      <t>ヤマヤマ</t>
    </rPh>
    <rPh sb="21" eb="23">
      <t>トウホク</t>
    </rPh>
    <rPh sb="24" eb="26">
      <t>レイオン</t>
    </rPh>
    <rPh sb="26" eb="27">
      <t>タイ</t>
    </rPh>
    <rPh sb="28" eb="29">
      <t>モリ</t>
    </rPh>
    <phoneticPr fontId="4"/>
  </si>
  <si>
    <t>世界遺産シリーズ　　絶海に浮かぶ進化の島々　小笠原諸島</t>
    <rPh sb="0" eb="2">
      <t>セカイ</t>
    </rPh>
    <rPh sb="2" eb="4">
      <t>イサン</t>
    </rPh>
    <rPh sb="10" eb="12">
      <t>ゼッカイ</t>
    </rPh>
    <rPh sb="13" eb="14">
      <t>ウ</t>
    </rPh>
    <rPh sb="16" eb="18">
      <t>シンカ</t>
    </rPh>
    <rPh sb="19" eb="21">
      <t>シマジマ</t>
    </rPh>
    <rPh sb="22" eb="25">
      <t>オガサワラ</t>
    </rPh>
    <rPh sb="25" eb="27">
      <t>ショトウ</t>
    </rPh>
    <phoneticPr fontId="4"/>
  </si>
  <si>
    <t>日本各地の森の環境や、豊かな生態系を形成する多様な動植物の世界を描く。亜寒帯･北海道の森の具体的な特賞を解説。季節ごとに豊かな表情をみせる森で、密接に関わり阿井ながら生きる多様な動植物立の姿を紹介し、自然の不思議とその魅力にせまります。</t>
    <rPh sb="0" eb="2">
      <t>ニホン</t>
    </rPh>
    <rPh sb="2" eb="4">
      <t>カクチ</t>
    </rPh>
    <rPh sb="5" eb="6">
      <t>モリ</t>
    </rPh>
    <rPh sb="7" eb="9">
      <t>カンキョウ</t>
    </rPh>
    <rPh sb="11" eb="12">
      <t>ユタ</t>
    </rPh>
    <rPh sb="14" eb="17">
      <t>セイタイケイ</t>
    </rPh>
    <rPh sb="18" eb="20">
      <t>ケイセイ</t>
    </rPh>
    <rPh sb="22" eb="24">
      <t>タヨウ</t>
    </rPh>
    <rPh sb="25" eb="28">
      <t>ドウショクブツ</t>
    </rPh>
    <rPh sb="29" eb="31">
      <t>セカイ</t>
    </rPh>
    <rPh sb="32" eb="33">
      <t>エガ</t>
    </rPh>
    <rPh sb="35" eb="38">
      <t>アカンタイ</t>
    </rPh>
    <rPh sb="39" eb="42">
      <t>ホッカイドウ</t>
    </rPh>
    <rPh sb="43" eb="44">
      <t>モリ</t>
    </rPh>
    <rPh sb="45" eb="48">
      <t>グタイテキ</t>
    </rPh>
    <rPh sb="49" eb="51">
      <t>トクショウ</t>
    </rPh>
    <rPh sb="52" eb="54">
      <t>カイセツ</t>
    </rPh>
    <rPh sb="55" eb="57">
      <t>キセツ</t>
    </rPh>
    <rPh sb="60" eb="61">
      <t>ユタ</t>
    </rPh>
    <rPh sb="63" eb="65">
      <t>ヒョウジョウ</t>
    </rPh>
    <rPh sb="69" eb="70">
      <t>モリ</t>
    </rPh>
    <rPh sb="72" eb="74">
      <t>ミッセツ</t>
    </rPh>
    <rPh sb="75" eb="76">
      <t>カカ</t>
    </rPh>
    <rPh sb="78" eb="80">
      <t>アイ</t>
    </rPh>
    <rPh sb="83" eb="84">
      <t>イ</t>
    </rPh>
    <rPh sb="86" eb="88">
      <t>タヨウ</t>
    </rPh>
    <rPh sb="89" eb="92">
      <t>ドウショクブツ</t>
    </rPh>
    <rPh sb="92" eb="93">
      <t>タチ</t>
    </rPh>
    <rPh sb="94" eb="95">
      <t>スガタ</t>
    </rPh>
    <rPh sb="96" eb="98">
      <t>ショウカイ</t>
    </rPh>
    <rPh sb="100" eb="102">
      <t>シゼン</t>
    </rPh>
    <rPh sb="103" eb="106">
      <t>フシギ</t>
    </rPh>
    <rPh sb="109" eb="111">
      <t>ミリョク</t>
    </rPh>
    <phoneticPr fontId="4"/>
  </si>
  <si>
    <t>東北の山々を中心に、敷それぞれに豊かな表情を見せる冷温隊の森の具体的な特徴を解説します。そこに生きる多様な同植物たちを紹介し、自然の不思議とその魅力に迫ります。</t>
    <rPh sb="0" eb="2">
      <t>トウホク</t>
    </rPh>
    <rPh sb="3" eb="5">
      <t>ヤマヤマ</t>
    </rPh>
    <rPh sb="6" eb="8">
      <t>チュウシン</t>
    </rPh>
    <rPh sb="10" eb="11">
      <t>シキ</t>
    </rPh>
    <rPh sb="16" eb="17">
      <t>ユタ</t>
    </rPh>
    <rPh sb="19" eb="21">
      <t>ヒョウジョウ</t>
    </rPh>
    <rPh sb="22" eb="23">
      <t>ミ</t>
    </rPh>
    <rPh sb="25" eb="27">
      <t>レイオン</t>
    </rPh>
    <rPh sb="27" eb="28">
      <t>タイ</t>
    </rPh>
    <rPh sb="29" eb="30">
      <t>モリ</t>
    </rPh>
    <rPh sb="31" eb="34">
      <t>グタイテキ</t>
    </rPh>
    <rPh sb="35" eb="37">
      <t>トクチョウ</t>
    </rPh>
    <rPh sb="38" eb="40">
      <t>カイセツ</t>
    </rPh>
    <rPh sb="47" eb="48">
      <t>イ</t>
    </rPh>
    <rPh sb="50" eb="52">
      <t>タヨウ</t>
    </rPh>
    <rPh sb="53" eb="56">
      <t>ドウショクブツ</t>
    </rPh>
    <rPh sb="59" eb="61">
      <t>ショウカイ</t>
    </rPh>
    <rPh sb="63" eb="65">
      <t>シゼン</t>
    </rPh>
    <rPh sb="66" eb="69">
      <t>フシギ</t>
    </rPh>
    <rPh sb="72" eb="74">
      <t>ミリョク</t>
    </rPh>
    <rPh sb="75" eb="76">
      <t>セマ</t>
    </rPh>
    <phoneticPr fontId="4"/>
  </si>
  <si>
    <t>2011年日本で4番目に世界自然遺産に登録された小笠原諸島。一度も周りの大陸と地続きになったことのない島々では、ほかにル衣を観ない特徴的な生態系が育まれてきました。独自に進化した固有種が多く存在し、そうした固有種を観察することで進化の過程を見ることができます。</t>
    <rPh sb="4" eb="5">
      <t>ネン</t>
    </rPh>
    <rPh sb="5" eb="7">
      <t>ニホン</t>
    </rPh>
    <rPh sb="9" eb="11">
      <t>バンメ</t>
    </rPh>
    <rPh sb="12" eb="14">
      <t>セカイ</t>
    </rPh>
    <rPh sb="14" eb="16">
      <t>シゼン</t>
    </rPh>
    <rPh sb="16" eb="18">
      <t>イサン</t>
    </rPh>
    <rPh sb="19" eb="21">
      <t>トウロク</t>
    </rPh>
    <rPh sb="24" eb="27">
      <t>オガサワラ</t>
    </rPh>
    <rPh sb="27" eb="29">
      <t>ショトウ</t>
    </rPh>
    <rPh sb="30" eb="32">
      <t>イチド</t>
    </rPh>
    <rPh sb="33" eb="34">
      <t>マワ</t>
    </rPh>
    <rPh sb="36" eb="38">
      <t>タイリク</t>
    </rPh>
    <rPh sb="39" eb="41">
      <t>ジツヅ</t>
    </rPh>
    <rPh sb="51" eb="53">
      <t>シマジマ</t>
    </rPh>
    <rPh sb="60" eb="61">
      <t>イ</t>
    </rPh>
    <rPh sb="62" eb="63">
      <t>ミ</t>
    </rPh>
    <rPh sb="65" eb="68">
      <t>トクチョウテキ</t>
    </rPh>
    <rPh sb="69" eb="72">
      <t>セイタイケイ</t>
    </rPh>
    <rPh sb="73" eb="74">
      <t>ハグク</t>
    </rPh>
    <rPh sb="82" eb="84">
      <t>ドクジ</t>
    </rPh>
    <rPh sb="85" eb="87">
      <t>シンカ</t>
    </rPh>
    <rPh sb="89" eb="92">
      <t>コユウシュ</t>
    </rPh>
    <rPh sb="93" eb="94">
      <t>オオ</t>
    </rPh>
    <rPh sb="95" eb="97">
      <t>ソンザイ</t>
    </rPh>
    <rPh sb="103" eb="106">
      <t>コユウシュ</t>
    </rPh>
    <rPh sb="107" eb="109">
      <t>カンサツ</t>
    </rPh>
    <rPh sb="114" eb="116">
      <t>シンカ</t>
    </rPh>
    <rPh sb="117" eb="119">
      <t>カテイ</t>
    </rPh>
    <rPh sb="120" eb="121">
      <t>ミ</t>
    </rPh>
    <phoneticPr fontId="4"/>
  </si>
  <si>
    <t>人生をダメにしないで！命を奪う　危険ドラッグと違法薬物</t>
    <rPh sb="0" eb="2">
      <t>ジンセイ</t>
    </rPh>
    <rPh sb="11" eb="12">
      <t>イノチ</t>
    </rPh>
    <rPh sb="13" eb="14">
      <t>ウバ</t>
    </rPh>
    <rPh sb="16" eb="18">
      <t>キケン</t>
    </rPh>
    <rPh sb="23" eb="25">
      <t>イホウ</t>
    </rPh>
    <rPh sb="25" eb="27">
      <t>ヤクブツ</t>
    </rPh>
    <phoneticPr fontId="4"/>
  </si>
  <si>
    <t>薬物乱用防止教育DVD　中学生以上・一般向け</t>
    <rPh sb="0" eb="2">
      <t>ヤクブツ</t>
    </rPh>
    <rPh sb="2" eb="4">
      <t>ランヨウ</t>
    </rPh>
    <rPh sb="4" eb="6">
      <t>ボウシ</t>
    </rPh>
    <rPh sb="6" eb="8">
      <t>キョウイク</t>
    </rPh>
    <rPh sb="12" eb="15">
      <t>チュウガクセイ</t>
    </rPh>
    <rPh sb="15" eb="17">
      <t>イジョウ</t>
    </rPh>
    <rPh sb="18" eb="21">
      <t>イッパンム</t>
    </rPh>
    <phoneticPr fontId="4"/>
  </si>
  <si>
    <t>自殺を防ぐ地域力　悩む人々を救う　ふれあいの輪</t>
    <rPh sb="0" eb="2">
      <t>ジサツ</t>
    </rPh>
    <rPh sb="3" eb="4">
      <t>フセ</t>
    </rPh>
    <rPh sb="5" eb="7">
      <t>チイキ</t>
    </rPh>
    <rPh sb="7" eb="8">
      <t>リョク</t>
    </rPh>
    <rPh sb="9" eb="10">
      <t>ナヤ</t>
    </rPh>
    <rPh sb="11" eb="13">
      <t>ヒトビト</t>
    </rPh>
    <rPh sb="14" eb="15">
      <t>スク</t>
    </rPh>
    <rPh sb="22" eb="23">
      <t>ワ</t>
    </rPh>
    <phoneticPr fontId="4"/>
  </si>
  <si>
    <t>自殺予防は、社会全体で取り組まなければならない緊急の課題です。秋田県での官民連携した取り組みの事例をとおして、地域における自殺予防の取り組みのための最適な教材となっています。</t>
    <rPh sb="0" eb="2">
      <t>ジサツ</t>
    </rPh>
    <rPh sb="2" eb="4">
      <t>ヨボウ</t>
    </rPh>
    <rPh sb="6" eb="8">
      <t>シャカイ</t>
    </rPh>
    <rPh sb="8" eb="10">
      <t>ゼンタイ</t>
    </rPh>
    <rPh sb="11" eb="12">
      <t>ト</t>
    </rPh>
    <rPh sb="13" eb="14">
      <t>ク</t>
    </rPh>
    <rPh sb="23" eb="25">
      <t>キンキュウ</t>
    </rPh>
    <rPh sb="26" eb="28">
      <t>カダイ</t>
    </rPh>
    <rPh sb="31" eb="34">
      <t>アキタケン</t>
    </rPh>
    <rPh sb="36" eb="38">
      <t>カンミン</t>
    </rPh>
    <rPh sb="38" eb="40">
      <t>レンケイ</t>
    </rPh>
    <rPh sb="42" eb="43">
      <t>ト</t>
    </rPh>
    <rPh sb="44" eb="45">
      <t>ク</t>
    </rPh>
    <rPh sb="47" eb="49">
      <t>ジレイ</t>
    </rPh>
    <rPh sb="55" eb="57">
      <t>チイキ</t>
    </rPh>
    <rPh sb="61" eb="63">
      <t>ジサツ</t>
    </rPh>
    <rPh sb="63" eb="65">
      <t>ヨボウ</t>
    </rPh>
    <rPh sb="66" eb="67">
      <t>ト</t>
    </rPh>
    <rPh sb="68" eb="69">
      <t>ク</t>
    </rPh>
    <rPh sb="74" eb="76">
      <t>サイテキ</t>
    </rPh>
    <rPh sb="77" eb="79">
      <t>キョウザイ</t>
    </rPh>
    <phoneticPr fontId="4"/>
  </si>
  <si>
    <t>問われる住民の防災意識　自助・共助の輪を広げよう</t>
    <rPh sb="0" eb="1">
      <t>ト</t>
    </rPh>
    <rPh sb="4" eb="6">
      <t>ジュウミン</t>
    </rPh>
    <rPh sb="7" eb="11">
      <t>ボウサイイシキ</t>
    </rPh>
    <rPh sb="12" eb="14">
      <t>ジジョ</t>
    </rPh>
    <rPh sb="15" eb="17">
      <t>キョウジョ</t>
    </rPh>
    <rPh sb="18" eb="19">
      <t>ワ</t>
    </rPh>
    <rPh sb="20" eb="21">
      <t>ヒロ</t>
    </rPh>
    <phoneticPr fontId="4"/>
  </si>
  <si>
    <t>文科省選定　大地震に備える防災安全対策シリーズ</t>
    <rPh sb="0" eb="3">
      <t>モンカショウ</t>
    </rPh>
    <rPh sb="3" eb="5">
      <t>センテイ</t>
    </rPh>
    <rPh sb="6" eb="9">
      <t>ダイジシン</t>
    </rPh>
    <rPh sb="10" eb="11">
      <t>ソナ</t>
    </rPh>
    <rPh sb="13" eb="15">
      <t>ボウサイ</t>
    </rPh>
    <rPh sb="15" eb="17">
      <t>アンゼン</t>
    </rPh>
    <rPh sb="17" eb="19">
      <t>タイサク</t>
    </rPh>
    <phoneticPr fontId="4"/>
  </si>
  <si>
    <t>みんなでおどろう！よさポップ</t>
    <phoneticPr fontId="4"/>
  </si>
  <si>
    <t>みんなで手軽に楽しめる「よさこい」おどりをモチーフにした楽しい「よさポップ」を紹介。</t>
    <rPh sb="4" eb="6">
      <t>テガル</t>
    </rPh>
    <rPh sb="7" eb="8">
      <t>タノ</t>
    </rPh>
    <rPh sb="28" eb="29">
      <t>タノ</t>
    </rPh>
    <rPh sb="39" eb="41">
      <t>ショウカイ</t>
    </rPh>
    <phoneticPr fontId="4"/>
  </si>
  <si>
    <t>レイチェル・カーソンの感性の森</t>
    <rPh sb="11" eb="13">
      <t>カンセイ</t>
    </rPh>
    <rPh sb="14" eb="15">
      <t>モリ</t>
    </rPh>
    <phoneticPr fontId="4"/>
  </si>
  <si>
    <t>自然と共存するための知恵と信念にあふれたベストセラー、レイチェル・カーソンの『センス・オブ・ワンダー』を映画化。小鳥たちのコーラス、木の芽の感触、海辺のにおい、夜空にまたたく星を感じながら暮らすヒントがここに。</t>
    <rPh sb="0" eb="2">
      <t>シゼン</t>
    </rPh>
    <rPh sb="3" eb="5">
      <t>キョウソン</t>
    </rPh>
    <rPh sb="10" eb="12">
      <t>チエ</t>
    </rPh>
    <rPh sb="13" eb="15">
      <t>シンネン</t>
    </rPh>
    <rPh sb="52" eb="55">
      <t>エイガカ</t>
    </rPh>
    <rPh sb="56" eb="58">
      <t>コトリ</t>
    </rPh>
    <rPh sb="66" eb="67">
      <t>キ</t>
    </rPh>
    <rPh sb="68" eb="69">
      <t>メ</t>
    </rPh>
    <rPh sb="70" eb="72">
      <t>カンショク</t>
    </rPh>
    <rPh sb="73" eb="75">
      <t>ウミベ</t>
    </rPh>
    <rPh sb="80" eb="82">
      <t>ヨゾラ</t>
    </rPh>
    <rPh sb="87" eb="88">
      <t>ホシ</t>
    </rPh>
    <rPh sb="89" eb="90">
      <t>カン</t>
    </rPh>
    <rPh sb="94" eb="95">
      <t>ク</t>
    </rPh>
    <phoneticPr fontId="4"/>
  </si>
  <si>
    <t>能登半島地震から学ぶ</t>
    <phoneticPr fontId="4"/>
  </si>
  <si>
    <t>要配慮者の備えと避難行動</t>
  </si>
  <si>
    <t>令和６年に発生した能登半島地震では、災害関連死を含め多くの犠牲者を出しました。能登半島地震から得られた教訓をもとに、今後発生することが予想させる南海トラフ巨大地震や首都直下地震などの大地震から私たちが生き延びるための対策を、被災された方の方の貴重なインタビュー映像を交えながら、具体的に解説していきます。</t>
    <phoneticPr fontId="4"/>
  </si>
  <si>
    <t>地震や水害などの災害が発生する中、避難したくても動けない人や、情報の入手すら困難な人がいます。要配慮者と呼ばれるこれらの方の命を守るために、どう備え、どう行動すれば良いのか。このことは防災の大きな課題と言えます。地域の人たちは何ができるのでしょうか。当事者の方の取材を交えながら、自助・共助の両面から具体的な方策を探っていきます。</t>
    <phoneticPr fontId="4"/>
  </si>
  <si>
    <t>制作年</t>
    <rPh sb="0" eb="3">
      <t>セイサクネン</t>
    </rPh>
    <phoneticPr fontId="1"/>
  </si>
  <si>
    <t>H13</t>
    <phoneticPr fontId="1"/>
  </si>
  <si>
    <t>H17</t>
    <phoneticPr fontId="1"/>
  </si>
  <si>
    <t>H16</t>
    <phoneticPr fontId="1"/>
  </si>
  <si>
    <t>H19</t>
    <phoneticPr fontId="1"/>
  </si>
  <si>
    <t>H30</t>
    <phoneticPr fontId="1"/>
  </si>
  <si>
    <t>H21</t>
    <phoneticPr fontId="1"/>
  </si>
  <si>
    <t>H23</t>
    <phoneticPr fontId="1"/>
  </si>
  <si>
    <t>H25</t>
    <phoneticPr fontId="1"/>
  </si>
  <si>
    <t>H27</t>
    <phoneticPr fontId="1"/>
  </si>
  <si>
    <t>H24</t>
    <phoneticPr fontId="1"/>
  </si>
  <si>
    <t>R7</t>
    <phoneticPr fontId="1"/>
  </si>
  <si>
    <t>上映時間(分)</t>
    <rPh sb="0" eb="2">
      <t>ジョウエイ</t>
    </rPh>
    <rPh sb="2" eb="4">
      <t>ジカン</t>
    </rPh>
    <rPh sb="5" eb="6">
      <t>フン</t>
    </rPh>
    <phoneticPr fontId="1"/>
  </si>
  <si>
    <t>※制作年が不明のものは空欄になっています</t>
    <rPh sb="1" eb="4">
      <t>セイサクネン</t>
    </rPh>
    <rPh sb="5" eb="7">
      <t>フメイ</t>
    </rPh>
    <rPh sb="11" eb="13">
      <t>クウラ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color theme="1"/>
      <name val="游ゴシック"/>
      <family val="2"/>
      <charset val="128"/>
      <scheme val="minor"/>
    </font>
    <font>
      <sz val="6"/>
      <name val="游ゴシック"/>
      <family val="2"/>
      <charset val="128"/>
      <scheme val="minor"/>
    </font>
    <font>
      <sz val="11"/>
      <color theme="1"/>
      <name val="メイリオ"/>
      <family val="3"/>
      <charset val="128"/>
    </font>
    <font>
      <sz val="8"/>
      <color theme="1"/>
      <name val="メイリオ"/>
      <family val="3"/>
      <charset val="128"/>
    </font>
    <font>
      <sz val="6"/>
      <name val="ＭＳ Ｐゴシック"/>
      <family val="3"/>
      <charset val="128"/>
    </font>
    <font>
      <sz val="9"/>
      <name val="ＭＳ Ｐゴシック"/>
      <family val="3"/>
      <charset val="128"/>
    </font>
    <font>
      <sz val="9"/>
      <color theme="1"/>
      <name val="游ゴシック"/>
      <family val="2"/>
      <charset val="128"/>
      <scheme val="minor"/>
    </font>
    <font>
      <b/>
      <sz val="16"/>
      <color theme="1"/>
      <name val="メイリオ"/>
      <family val="3"/>
      <charset val="128"/>
    </font>
    <font>
      <sz val="10"/>
      <color theme="1"/>
      <name val="メイリオ"/>
      <family val="3"/>
      <charset val="128"/>
    </font>
    <font>
      <sz val="10"/>
      <name val="メイリオ"/>
      <family val="3"/>
      <charset val="128"/>
    </font>
    <font>
      <sz val="10"/>
      <color theme="1"/>
      <name val="游ゴシック"/>
      <family val="2"/>
      <charset val="128"/>
      <scheme val="minor"/>
    </font>
    <font>
      <sz val="9"/>
      <color theme="1"/>
      <name val="メイリオ"/>
      <family val="3"/>
      <charset val="128"/>
    </font>
  </fonts>
  <fills count="3">
    <fill>
      <patternFill patternType="none"/>
    </fill>
    <fill>
      <patternFill patternType="gray125"/>
    </fill>
    <fill>
      <patternFill patternType="solid">
        <fgColor theme="0"/>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s>
  <cellStyleXfs count="1">
    <xf numFmtId="0" fontId="0" fillId="0" borderId="0">
      <alignment vertical="center"/>
    </xf>
  </cellStyleXfs>
  <cellXfs count="19">
    <xf numFmtId="0" fontId="0" fillId="0" borderId="0" xfId="0">
      <alignment vertical="center"/>
    </xf>
    <xf numFmtId="0" fontId="3" fillId="0" borderId="1" xfId="0" applyFont="1" applyBorder="1" applyAlignment="1">
      <alignment horizontal="center" vertical="center"/>
    </xf>
    <xf numFmtId="0" fontId="5" fillId="0" borderId="1" xfId="0" applyFont="1" applyFill="1" applyBorder="1" applyAlignment="1">
      <alignment vertical="center" wrapText="1"/>
    </xf>
    <xf numFmtId="0" fontId="5" fillId="2" borderId="1" xfId="0" applyFont="1" applyFill="1" applyBorder="1" applyAlignment="1">
      <alignment horizontal="left" vertical="center" wrapText="1"/>
    </xf>
    <xf numFmtId="0" fontId="5" fillId="2" borderId="1" xfId="0" applyFont="1" applyFill="1" applyBorder="1" applyAlignment="1">
      <alignment vertical="center" wrapText="1"/>
    </xf>
    <xf numFmtId="0" fontId="2" fillId="0" borderId="0" xfId="0" applyFont="1" applyBorder="1">
      <alignment vertical="center"/>
    </xf>
    <xf numFmtId="0" fontId="0" fillId="0" borderId="0" xfId="0" applyBorder="1">
      <alignment vertical="center"/>
    </xf>
    <xf numFmtId="0" fontId="6" fillId="0" borderId="0" xfId="0" applyFont="1" applyBorder="1" applyAlignment="1">
      <alignment horizontal="center" vertical="center"/>
    </xf>
    <xf numFmtId="0" fontId="6" fillId="0" borderId="0" xfId="0" applyFont="1" applyBorder="1">
      <alignment vertical="center"/>
    </xf>
    <xf numFmtId="0" fontId="5" fillId="0" borderId="1" xfId="0" applyFont="1" applyBorder="1" applyAlignment="1">
      <alignment horizontal="left" vertical="center" readingOrder="1"/>
    </xf>
    <xf numFmtId="0" fontId="8" fillId="0" borderId="1" xfId="0" applyFont="1" applyBorder="1" applyAlignment="1">
      <alignment horizontal="center" vertical="center"/>
    </xf>
    <xf numFmtId="0" fontId="8" fillId="0" borderId="1" xfId="0" applyFont="1" applyBorder="1">
      <alignment vertical="center"/>
    </xf>
    <xf numFmtId="0" fontId="9" fillId="0" borderId="1" xfId="0" applyFont="1" applyFill="1" applyBorder="1" applyAlignment="1">
      <alignment horizontal="center" vertical="center" wrapText="1"/>
    </xf>
    <xf numFmtId="0" fontId="10" fillId="0" borderId="1" xfId="0" applyFont="1" applyBorder="1">
      <alignment vertical="center"/>
    </xf>
    <xf numFmtId="0" fontId="10" fillId="0" borderId="0" xfId="0" applyFont="1" applyBorder="1">
      <alignment vertical="center"/>
    </xf>
    <xf numFmtId="0" fontId="10" fillId="0" borderId="0" xfId="0" applyFont="1" applyBorder="1" applyAlignment="1">
      <alignment horizontal="center" vertical="center"/>
    </xf>
    <xf numFmtId="0" fontId="11" fillId="0" borderId="1" xfId="0" applyFont="1" applyBorder="1" applyAlignment="1">
      <alignment horizontal="center" vertical="center"/>
    </xf>
    <xf numFmtId="0" fontId="7" fillId="0" borderId="0" xfId="0" applyFont="1" applyAlignment="1">
      <alignment horizontal="left" vertical="center"/>
    </xf>
    <xf numFmtId="0" fontId="3" fillId="0" borderId="2" xfId="0" applyFont="1" applyBorder="1" applyAlignment="1">
      <alignment horizontal="lef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G231"/>
  <sheetViews>
    <sheetView tabSelected="1" view="pageBreakPreview" zoomScale="84" zoomScaleNormal="100" zoomScaleSheetLayoutView="84" workbookViewId="0">
      <selection activeCell="J23" sqref="J23"/>
    </sheetView>
  </sheetViews>
  <sheetFormatPr defaultRowHeight="18" x14ac:dyDescent="0.55000000000000004"/>
  <cols>
    <col min="1" max="1" width="5.4140625" customWidth="1"/>
    <col min="2" max="2" width="32.83203125" customWidth="1"/>
    <col min="3" max="3" width="8.25" customWidth="1"/>
    <col min="4" max="4" width="9" customWidth="1"/>
    <col min="5" max="5" width="6.4140625" customWidth="1"/>
    <col min="6" max="6" width="6.6640625" customWidth="1"/>
    <col min="7" max="7" width="61.25" customWidth="1"/>
  </cols>
  <sheetData>
    <row r="1" spans="1:7" ht="27" customHeight="1" x14ac:dyDescent="0.45">
      <c r="A1" s="17" t="s">
        <v>1</v>
      </c>
      <c r="B1" s="17"/>
      <c r="C1" s="17"/>
      <c r="D1" s="17"/>
      <c r="E1" s="18" t="s">
        <v>78</v>
      </c>
      <c r="F1" s="18"/>
      <c r="G1" s="18"/>
    </row>
    <row r="2" spans="1:7" ht="23" customHeight="1" x14ac:dyDescent="0.55000000000000004">
      <c r="A2" s="16" t="s">
        <v>0</v>
      </c>
      <c r="B2" s="16" t="s">
        <v>2</v>
      </c>
      <c r="C2" s="1" t="s">
        <v>3</v>
      </c>
      <c r="D2" s="1" t="s">
        <v>77</v>
      </c>
      <c r="E2" s="16" t="s">
        <v>65</v>
      </c>
      <c r="F2" s="16" t="s">
        <v>4</v>
      </c>
      <c r="G2" s="16" t="s">
        <v>5</v>
      </c>
    </row>
    <row r="3" spans="1:7" ht="21.5" customHeight="1" x14ac:dyDescent="0.55000000000000004">
      <c r="A3" s="11">
        <v>3</v>
      </c>
      <c r="B3" s="2" t="s">
        <v>6</v>
      </c>
      <c r="C3" s="12" t="s">
        <v>7</v>
      </c>
      <c r="D3" s="12">
        <v>45</v>
      </c>
      <c r="E3" s="10" t="s">
        <v>70</v>
      </c>
      <c r="F3" s="10"/>
      <c r="G3" s="2" t="s">
        <v>8</v>
      </c>
    </row>
    <row r="4" spans="1:7" ht="21" customHeight="1" x14ac:dyDescent="0.55000000000000004">
      <c r="A4" s="11">
        <v>169</v>
      </c>
      <c r="B4" s="2" t="s">
        <v>9</v>
      </c>
      <c r="C4" s="12" t="s">
        <v>7</v>
      </c>
      <c r="D4" s="10">
        <v>16</v>
      </c>
      <c r="E4" s="10"/>
      <c r="F4" s="10"/>
      <c r="G4" s="2" t="s">
        <v>10</v>
      </c>
    </row>
    <row r="5" spans="1:7" ht="24.5" customHeight="1" x14ac:dyDescent="0.55000000000000004">
      <c r="A5" s="11">
        <v>215</v>
      </c>
      <c r="B5" s="2" t="s">
        <v>11</v>
      </c>
      <c r="C5" s="12" t="s">
        <v>7</v>
      </c>
      <c r="D5" s="10">
        <v>21</v>
      </c>
      <c r="E5" s="10"/>
      <c r="F5" s="10"/>
      <c r="G5" s="2" t="s">
        <v>12</v>
      </c>
    </row>
    <row r="6" spans="1:7" ht="19.5" customHeight="1" x14ac:dyDescent="0.55000000000000004">
      <c r="A6" s="11">
        <v>764</v>
      </c>
      <c r="B6" s="2" t="s">
        <v>13</v>
      </c>
      <c r="C6" s="12" t="s">
        <v>7</v>
      </c>
      <c r="D6" s="10">
        <v>10</v>
      </c>
      <c r="E6" s="10"/>
      <c r="F6" s="10"/>
      <c r="G6" s="2" t="s">
        <v>14</v>
      </c>
    </row>
    <row r="7" spans="1:7" ht="23" customHeight="1" x14ac:dyDescent="0.55000000000000004">
      <c r="A7" s="11">
        <v>1272</v>
      </c>
      <c r="B7" s="2" t="s">
        <v>16</v>
      </c>
      <c r="C7" s="12" t="s">
        <v>18</v>
      </c>
      <c r="D7" s="10">
        <v>43</v>
      </c>
      <c r="E7" s="10" t="s">
        <v>67</v>
      </c>
      <c r="F7" s="10"/>
      <c r="G7" s="2" t="s">
        <v>17</v>
      </c>
    </row>
    <row r="8" spans="1:7" ht="49.5" customHeight="1" x14ac:dyDescent="0.55000000000000004">
      <c r="A8" s="11">
        <v>1301</v>
      </c>
      <c r="B8" s="2" t="s">
        <v>19</v>
      </c>
      <c r="C8" s="12" t="s">
        <v>7</v>
      </c>
      <c r="D8" s="10">
        <v>25</v>
      </c>
      <c r="E8" s="10" t="s">
        <v>68</v>
      </c>
      <c r="F8" s="10"/>
      <c r="G8" s="2" t="s">
        <v>24</v>
      </c>
    </row>
    <row r="9" spans="1:7" ht="51.5" customHeight="1" x14ac:dyDescent="0.55000000000000004">
      <c r="A9" s="11">
        <v>1302</v>
      </c>
      <c r="B9" s="2" t="s">
        <v>20</v>
      </c>
      <c r="C9" s="12" t="s">
        <v>7</v>
      </c>
      <c r="D9" s="10">
        <v>25</v>
      </c>
      <c r="E9" s="10" t="s">
        <v>68</v>
      </c>
      <c r="F9" s="10"/>
      <c r="G9" s="2" t="s">
        <v>24</v>
      </c>
    </row>
    <row r="10" spans="1:7" ht="47" customHeight="1" x14ac:dyDescent="0.55000000000000004">
      <c r="A10" s="11">
        <v>1304</v>
      </c>
      <c r="B10" s="2" t="s">
        <v>21</v>
      </c>
      <c r="C10" s="12" t="s">
        <v>7</v>
      </c>
      <c r="D10" s="10">
        <v>25</v>
      </c>
      <c r="E10" s="10" t="s">
        <v>68</v>
      </c>
      <c r="F10" s="10"/>
      <c r="G10" s="2" t="s">
        <v>24</v>
      </c>
    </row>
    <row r="11" spans="1:7" ht="51" customHeight="1" x14ac:dyDescent="0.55000000000000004">
      <c r="A11" s="11">
        <v>1305</v>
      </c>
      <c r="B11" s="2" t="s">
        <v>22</v>
      </c>
      <c r="C11" s="12" t="s">
        <v>7</v>
      </c>
      <c r="D11" s="10">
        <v>25</v>
      </c>
      <c r="E11" s="10" t="s">
        <v>68</v>
      </c>
      <c r="F11" s="10"/>
      <c r="G11" s="2" t="s">
        <v>24</v>
      </c>
    </row>
    <row r="12" spans="1:7" ht="51" customHeight="1" x14ac:dyDescent="0.55000000000000004">
      <c r="A12" s="11">
        <v>1306</v>
      </c>
      <c r="B12" s="2" t="s">
        <v>23</v>
      </c>
      <c r="C12" s="12" t="s">
        <v>7</v>
      </c>
      <c r="D12" s="10">
        <v>25</v>
      </c>
      <c r="E12" s="10" t="s">
        <v>68</v>
      </c>
      <c r="F12" s="10"/>
      <c r="G12" s="2" t="s">
        <v>24</v>
      </c>
    </row>
    <row r="13" spans="1:7" ht="48" customHeight="1" x14ac:dyDescent="0.55000000000000004">
      <c r="A13" s="11">
        <v>1309</v>
      </c>
      <c r="B13" s="2" t="s">
        <v>25</v>
      </c>
      <c r="C13" s="12" t="s">
        <v>7</v>
      </c>
      <c r="D13" s="10">
        <v>25</v>
      </c>
      <c r="E13" s="10" t="s">
        <v>68</v>
      </c>
      <c r="F13" s="10"/>
      <c r="G13" s="2" t="s">
        <v>24</v>
      </c>
    </row>
    <row r="14" spans="1:7" ht="47.5" customHeight="1" x14ac:dyDescent="0.55000000000000004">
      <c r="A14" s="11">
        <v>1310</v>
      </c>
      <c r="B14" s="2" t="s">
        <v>26</v>
      </c>
      <c r="C14" s="12" t="s">
        <v>7</v>
      </c>
      <c r="D14" s="10">
        <v>25</v>
      </c>
      <c r="E14" s="10" t="s">
        <v>68</v>
      </c>
      <c r="F14" s="10"/>
      <c r="G14" s="2" t="s">
        <v>24</v>
      </c>
    </row>
    <row r="15" spans="1:7" ht="52.5" customHeight="1" x14ac:dyDescent="0.55000000000000004">
      <c r="A15" s="11">
        <v>1311</v>
      </c>
      <c r="B15" s="2" t="s">
        <v>27</v>
      </c>
      <c r="C15" s="12" t="s">
        <v>7</v>
      </c>
      <c r="D15" s="10">
        <v>25</v>
      </c>
      <c r="E15" s="10" t="s">
        <v>68</v>
      </c>
      <c r="F15" s="10"/>
      <c r="G15" s="2" t="s">
        <v>24</v>
      </c>
    </row>
    <row r="16" spans="1:7" ht="49.5" customHeight="1" x14ac:dyDescent="0.55000000000000004">
      <c r="A16" s="11">
        <v>1312</v>
      </c>
      <c r="B16" s="2" t="s">
        <v>28</v>
      </c>
      <c r="C16" s="12" t="s">
        <v>7</v>
      </c>
      <c r="D16" s="10">
        <v>25</v>
      </c>
      <c r="E16" s="10" t="s">
        <v>68</v>
      </c>
      <c r="F16" s="10"/>
      <c r="G16" s="2" t="s">
        <v>24</v>
      </c>
    </row>
    <row r="17" spans="1:7" ht="47" customHeight="1" x14ac:dyDescent="0.55000000000000004">
      <c r="A17" s="11">
        <v>1313</v>
      </c>
      <c r="B17" s="2" t="s">
        <v>29</v>
      </c>
      <c r="C17" s="12" t="s">
        <v>7</v>
      </c>
      <c r="D17" s="10">
        <v>25</v>
      </c>
      <c r="E17" s="10" t="s">
        <v>68</v>
      </c>
      <c r="F17" s="10"/>
      <c r="G17" s="2" t="s">
        <v>24</v>
      </c>
    </row>
    <row r="18" spans="1:7" ht="49.5" customHeight="1" x14ac:dyDescent="0.55000000000000004">
      <c r="A18" s="11">
        <v>1314</v>
      </c>
      <c r="B18" s="2" t="s">
        <v>30</v>
      </c>
      <c r="C18" s="12" t="s">
        <v>7</v>
      </c>
      <c r="D18" s="10">
        <v>25</v>
      </c>
      <c r="E18" s="10" t="s">
        <v>68</v>
      </c>
      <c r="F18" s="10"/>
      <c r="G18" s="2" t="s">
        <v>24</v>
      </c>
    </row>
    <row r="19" spans="1:7" ht="26" customHeight="1" x14ac:dyDescent="0.55000000000000004">
      <c r="A19" s="11">
        <v>1327</v>
      </c>
      <c r="B19" s="2" t="s">
        <v>31</v>
      </c>
      <c r="C19" s="12" t="s">
        <v>18</v>
      </c>
      <c r="D19" s="10">
        <v>14</v>
      </c>
      <c r="E19" s="10" t="s">
        <v>67</v>
      </c>
      <c r="F19" s="10"/>
      <c r="G19" s="2" t="s">
        <v>32</v>
      </c>
    </row>
    <row r="20" spans="1:7" ht="35" customHeight="1" x14ac:dyDescent="0.55000000000000004">
      <c r="A20" s="11">
        <v>1368</v>
      </c>
      <c r="B20" s="2" t="s">
        <v>33</v>
      </c>
      <c r="C20" s="12" t="s">
        <v>18</v>
      </c>
      <c r="D20" s="10">
        <v>58</v>
      </c>
      <c r="E20" s="10" t="s">
        <v>71</v>
      </c>
      <c r="F20" s="10"/>
      <c r="G20" s="2" t="s">
        <v>34</v>
      </c>
    </row>
    <row r="21" spans="1:7" ht="41" customHeight="1" x14ac:dyDescent="0.55000000000000004">
      <c r="A21" s="11">
        <v>1388</v>
      </c>
      <c r="B21" s="2" t="s">
        <v>35</v>
      </c>
      <c r="C21" s="12" t="s">
        <v>18</v>
      </c>
      <c r="D21" s="10">
        <v>110</v>
      </c>
      <c r="E21" s="10" t="s">
        <v>68</v>
      </c>
      <c r="F21" s="10"/>
      <c r="G21" s="2" t="s">
        <v>36</v>
      </c>
    </row>
    <row r="22" spans="1:7" ht="28" customHeight="1" x14ac:dyDescent="0.55000000000000004">
      <c r="A22" s="11">
        <v>1427</v>
      </c>
      <c r="B22" s="2" t="s">
        <v>37</v>
      </c>
      <c r="C22" s="12" t="s">
        <v>18</v>
      </c>
      <c r="D22" s="10">
        <v>18</v>
      </c>
      <c r="E22" s="10" t="s">
        <v>69</v>
      </c>
      <c r="F22" s="10"/>
      <c r="G22" s="2" t="s">
        <v>38</v>
      </c>
    </row>
    <row r="23" spans="1:7" ht="34.5" customHeight="1" x14ac:dyDescent="0.55000000000000004">
      <c r="A23" s="11">
        <v>9600</v>
      </c>
      <c r="B23" s="2" t="s">
        <v>39</v>
      </c>
      <c r="C23" s="10" t="s">
        <v>15</v>
      </c>
      <c r="D23" s="10">
        <v>30</v>
      </c>
      <c r="E23" s="10" t="s">
        <v>66</v>
      </c>
      <c r="F23" s="10"/>
      <c r="G23" s="2" t="s">
        <v>40</v>
      </c>
    </row>
    <row r="24" spans="1:7" ht="43" customHeight="1" x14ac:dyDescent="0.55000000000000004">
      <c r="A24" s="11">
        <v>9603</v>
      </c>
      <c r="B24" s="2" t="s">
        <v>41</v>
      </c>
      <c r="C24" s="10" t="s">
        <v>15</v>
      </c>
      <c r="D24" s="10">
        <v>20</v>
      </c>
      <c r="E24" s="10" t="s">
        <v>72</v>
      </c>
      <c r="F24" s="10"/>
      <c r="G24" s="2" t="s">
        <v>42</v>
      </c>
    </row>
    <row r="25" spans="1:7" ht="32" customHeight="1" x14ac:dyDescent="0.55000000000000004">
      <c r="A25" s="11">
        <v>9607</v>
      </c>
      <c r="B25" s="2" t="s">
        <v>43</v>
      </c>
      <c r="C25" s="10" t="s">
        <v>18</v>
      </c>
      <c r="D25" s="10">
        <v>23</v>
      </c>
      <c r="E25" s="10" t="s">
        <v>75</v>
      </c>
      <c r="F25" s="13"/>
      <c r="G25" s="2" t="s">
        <v>44</v>
      </c>
    </row>
    <row r="26" spans="1:7" ht="40.5" customHeight="1" x14ac:dyDescent="0.55000000000000004">
      <c r="A26" s="11">
        <v>9619</v>
      </c>
      <c r="B26" s="2" t="s">
        <v>45</v>
      </c>
      <c r="C26" s="10" t="s">
        <v>18</v>
      </c>
      <c r="D26" s="12">
        <v>35</v>
      </c>
      <c r="E26" s="10" t="s">
        <v>73</v>
      </c>
      <c r="F26" s="13"/>
      <c r="G26" s="2" t="s">
        <v>48</v>
      </c>
    </row>
    <row r="27" spans="1:7" ht="30" customHeight="1" x14ac:dyDescent="0.55000000000000004">
      <c r="A27" s="11">
        <v>9620</v>
      </c>
      <c r="B27" s="2" t="s">
        <v>46</v>
      </c>
      <c r="C27" s="10" t="s">
        <v>18</v>
      </c>
      <c r="D27" s="12">
        <v>31</v>
      </c>
      <c r="E27" s="10" t="s">
        <v>73</v>
      </c>
      <c r="F27" s="13"/>
      <c r="G27" s="2" t="s">
        <v>49</v>
      </c>
    </row>
    <row r="28" spans="1:7" ht="38.5" customHeight="1" x14ac:dyDescent="0.55000000000000004">
      <c r="A28" s="11">
        <v>9621</v>
      </c>
      <c r="B28" s="2" t="s">
        <v>47</v>
      </c>
      <c r="C28" s="10" t="s">
        <v>18</v>
      </c>
      <c r="D28" s="12">
        <v>33</v>
      </c>
      <c r="E28" s="10" t="s">
        <v>73</v>
      </c>
      <c r="F28" s="13"/>
      <c r="G28" s="2" t="s">
        <v>50</v>
      </c>
    </row>
    <row r="29" spans="1:7" ht="28" customHeight="1" x14ac:dyDescent="0.55000000000000004">
      <c r="A29" s="11">
        <v>9636</v>
      </c>
      <c r="B29" s="2" t="s">
        <v>51</v>
      </c>
      <c r="C29" s="10" t="s">
        <v>18</v>
      </c>
      <c r="D29" s="10">
        <v>22</v>
      </c>
      <c r="E29" s="10" t="s">
        <v>74</v>
      </c>
      <c r="F29" s="13"/>
      <c r="G29" s="2" t="s">
        <v>52</v>
      </c>
    </row>
    <row r="30" spans="1:7" ht="36" customHeight="1" x14ac:dyDescent="0.55000000000000004">
      <c r="A30" s="11">
        <v>9646</v>
      </c>
      <c r="B30" s="2" t="s">
        <v>53</v>
      </c>
      <c r="C30" s="10" t="s">
        <v>18</v>
      </c>
      <c r="D30" s="10">
        <v>23</v>
      </c>
      <c r="E30" s="10" t="s">
        <v>74</v>
      </c>
      <c r="F30" s="13"/>
      <c r="G30" s="2" t="s">
        <v>54</v>
      </c>
    </row>
    <row r="31" spans="1:7" ht="26.5" customHeight="1" x14ac:dyDescent="0.55000000000000004">
      <c r="A31" s="11">
        <v>9647</v>
      </c>
      <c r="B31" s="2" t="s">
        <v>55</v>
      </c>
      <c r="C31" s="10" t="s">
        <v>18</v>
      </c>
      <c r="D31" s="10">
        <v>22</v>
      </c>
      <c r="E31" s="10" t="s">
        <v>74</v>
      </c>
      <c r="F31" s="13"/>
      <c r="G31" s="2" t="s">
        <v>56</v>
      </c>
    </row>
    <row r="32" spans="1:7" ht="28" customHeight="1" x14ac:dyDescent="0.55000000000000004">
      <c r="A32" s="11">
        <v>9651</v>
      </c>
      <c r="B32" s="2" t="s">
        <v>57</v>
      </c>
      <c r="C32" s="10" t="s">
        <v>18</v>
      </c>
      <c r="D32" s="10">
        <v>53</v>
      </c>
      <c r="E32" s="10" t="s">
        <v>71</v>
      </c>
      <c r="F32" s="13"/>
      <c r="G32" s="2" t="s">
        <v>58</v>
      </c>
    </row>
    <row r="33" spans="1:7" ht="42.5" customHeight="1" x14ac:dyDescent="0.55000000000000004">
      <c r="A33" s="11">
        <v>9670</v>
      </c>
      <c r="B33" s="2" t="s">
        <v>59</v>
      </c>
      <c r="C33" s="10" t="s">
        <v>15</v>
      </c>
      <c r="D33" s="10">
        <v>55</v>
      </c>
      <c r="E33" s="10" t="s">
        <v>72</v>
      </c>
      <c r="F33" s="10"/>
      <c r="G33" s="2" t="s">
        <v>60</v>
      </c>
    </row>
    <row r="34" spans="1:7" ht="49" customHeight="1" x14ac:dyDescent="0.55000000000000004">
      <c r="A34" s="11">
        <v>9685</v>
      </c>
      <c r="B34" s="3" t="s">
        <v>61</v>
      </c>
      <c r="C34" s="10" t="s">
        <v>15</v>
      </c>
      <c r="D34" s="10">
        <v>28</v>
      </c>
      <c r="E34" s="10" t="s">
        <v>76</v>
      </c>
      <c r="F34" s="10"/>
      <c r="G34" s="4" t="s">
        <v>63</v>
      </c>
    </row>
    <row r="35" spans="1:7" ht="56.5" customHeight="1" x14ac:dyDescent="0.55000000000000004">
      <c r="A35" s="11">
        <v>9686</v>
      </c>
      <c r="B35" s="9" t="s">
        <v>62</v>
      </c>
      <c r="C35" s="10" t="s">
        <v>15</v>
      </c>
      <c r="D35" s="10">
        <v>27</v>
      </c>
      <c r="E35" s="10" t="s">
        <v>76</v>
      </c>
      <c r="F35" s="10"/>
      <c r="G35" s="3" t="s">
        <v>64</v>
      </c>
    </row>
    <row r="36" spans="1:7" ht="28" customHeight="1" x14ac:dyDescent="0.55000000000000004">
      <c r="A36" s="5"/>
      <c r="B36" s="6"/>
      <c r="C36" s="15"/>
      <c r="D36" s="14"/>
      <c r="E36" s="14"/>
      <c r="F36" s="14"/>
      <c r="G36" s="6"/>
    </row>
    <row r="37" spans="1:7" ht="28" customHeight="1" x14ac:dyDescent="0.55000000000000004">
      <c r="A37" s="5"/>
      <c r="B37" s="6"/>
      <c r="C37" s="15"/>
      <c r="D37" s="14"/>
      <c r="E37" s="14"/>
      <c r="F37" s="14"/>
      <c r="G37" s="6"/>
    </row>
    <row r="38" spans="1:7" ht="28" customHeight="1" x14ac:dyDescent="0.55000000000000004">
      <c r="A38" s="5"/>
      <c r="B38" s="6"/>
      <c r="C38" s="7"/>
      <c r="D38" s="6"/>
      <c r="E38" s="6"/>
      <c r="F38" s="6"/>
      <c r="G38" s="6"/>
    </row>
    <row r="39" spans="1:7" ht="28" customHeight="1" x14ac:dyDescent="0.55000000000000004">
      <c r="A39" s="5"/>
      <c r="B39" s="6"/>
      <c r="C39" s="7"/>
      <c r="D39" s="6"/>
      <c r="E39" s="6"/>
      <c r="F39" s="6"/>
      <c r="G39" s="6"/>
    </row>
    <row r="40" spans="1:7" ht="28" customHeight="1" x14ac:dyDescent="0.55000000000000004">
      <c r="A40" s="5"/>
      <c r="B40" s="6"/>
      <c r="C40" s="7"/>
      <c r="D40" s="6"/>
      <c r="E40" s="6"/>
      <c r="F40" s="6"/>
      <c r="G40" s="6"/>
    </row>
    <row r="41" spans="1:7" ht="28" customHeight="1" x14ac:dyDescent="0.55000000000000004">
      <c r="A41" s="5"/>
      <c r="B41" s="6"/>
      <c r="C41" s="7"/>
      <c r="D41" s="6"/>
      <c r="E41" s="6"/>
      <c r="F41" s="6"/>
      <c r="G41" s="6"/>
    </row>
    <row r="42" spans="1:7" ht="28" customHeight="1" x14ac:dyDescent="0.55000000000000004">
      <c r="A42" s="5"/>
      <c r="B42" s="6"/>
      <c r="C42" s="7"/>
      <c r="D42" s="6"/>
      <c r="E42" s="6"/>
      <c r="F42" s="6"/>
      <c r="G42" s="6"/>
    </row>
    <row r="43" spans="1:7" ht="28" customHeight="1" x14ac:dyDescent="0.55000000000000004">
      <c r="A43" s="5"/>
      <c r="B43" s="6"/>
      <c r="C43" s="7"/>
      <c r="D43" s="6"/>
      <c r="E43" s="6"/>
      <c r="F43" s="6"/>
      <c r="G43" s="6"/>
    </row>
    <row r="44" spans="1:7" ht="28" customHeight="1" x14ac:dyDescent="0.55000000000000004">
      <c r="A44" s="5"/>
      <c r="B44" s="6"/>
      <c r="C44" s="7"/>
      <c r="D44" s="6"/>
      <c r="E44" s="6"/>
      <c r="F44" s="6"/>
      <c r="G44" s="6"/>
    </row>
    <row r="45" spans="1:7" ht="28" customHeight="1" x14ac:dyDescent="0.55000000000000004">
      <c r="A45" s="5"/>
      <c r="B45" s="6"/>
      <c r="C45" s="7"/>
      <c r="D45" s="6"/>
      <c r="E45" s="6"/>
      <c r="F45" s="6"/>
      <c r="G45" s="6"/>
    </row>
    <row r="46" spans="1:7" ht="28" customHeight="1" x14ac:dyDescent="0.55000000000000004">
      <c r="A46" s="5"/>
      <c r="B46" s="6"/>
      <c r="C46" s="7"/>
      <c r="D46" s="6"/>
      <c r="E46" s="6"/>
      <c r="F46" s="6"/>
      <c r="G46" s="6"/>
    </row>
    <row r="47" spans="1:7" ht="28" customHeight="1" x14ac:dyDescent="0.55000000000000004">
      <c r="A47" s="5"/>
      <c r="B47" s="6"/>
      <c r="C47" s="8"/>
      <c r="D47" s="6"/>
      <c r="E47" s="6"/>
      <c r="F47" s="6"/>
      <c r="G47" s="6"/>
    </row>
    <row r="48" spans="1:7" ht="28" customHeight="1" x14ac:dyDescent="0.55000000000000004">
      <c r="A48" s="6"/>
      <c r="B48" s="6"/>
      <c r="C48" s="8"/>
      <c r="D48" s="6"/>
      <c r="E48" s="6"/>
      <c r="F48" s="6"/>
      <c r="G48" s="6"/>
    </row>
    <row r="49" spans="1:7" ht="28" customHeight="1" x14ac:dyDescent="0.55000000000000004">
      <c r="A49" s="6"/>
      <c r="B49" s="6"/>
      <c r="C49" s="8"/>
      <c r="D49" s="6"/>
      <c r="E49" s="6"/>
      <c r="F49" s="6"/>
      <c r="G49" s="6"/>
    </row>
    <row r="50" spans="1:7" ht="28" customHeight="1" x14ac:dyDescent="0.55000000000000004">
      <c r="A50" s="6"/>
      <c r="B50" s="6"/>
      <c r="C50" s="8"/>
      <c r="D50" s="6"/>
      <c r="E50" s="6"/>
      <c r="F50" s="6"/>
      <c r="G50" s="6"/>
    </row>
    <row r="51" spans="1:7" ht="28" customHeight="1" x14ac:dyDescent="0.55000000000000004">
      <c r="A51" s="6"/>
      <c r="B51" s="6"/>
      <c r="C51" s="8"/>
      <c r="D51" s="6"/>
      <c r="E51" s="6"/>
      <c r="F51" s="6"/>
      <c r="G51" s="6"/>
    </row>
    <row r="52" spans="1:7" ht="28" customHeight="1" x14ac:dyDescent="0.55000000000000004">
      <c r="A52" s="6"/>
      <c r="B52" s="6"/>
      <c r="C52" s="8"/>
      <c r="D52" s="6"/>
      <c r="E52" s="6"/>
      <c r="F52" s="6"/>
      <c r="G52" s="6"/>
    </row>
    <row r="53" spans="1:7" ht="28" customHeight="1" x14ac:dyDescent="0.55000000000000004">
      <c r="A53" s="6"/>
      <c r="B53" s="6"/>
      <c r="C53" s="8"/>
      <c r="D53" s="6"/>
      <c r="E53" s="6"/>
      <c r="F53" s="6"/>
      <c r="G53" s="6"/>
    </row>
    <row r="54" spans="1:7" ht="28" customHeight="1" x14ac:dyDescent="0.55000000000000004">
      <c r="A54" s="6"/>
      <c r="B54" s="6"/>
      <c r="C54" s="8"/>
      <c r="D54" s="6"/>
      <c r="E54" s="6"/>
      <c r="F54" s="6"/>
      <c r="G54" s="6"/>
    </row>
    <row r="55" spans="1:7" ht="28" customHeight="1" x14ac:dyDescent="0.55000000000000004">
      <c r="A55" s="6"/>
      <c r="B55" s="6"/>
      <c r="C55" s="8"/>
      <c r="D55" s="6"/>
      <c r="E55" s="6"/>
      <c r="F55" s="6"/>
      <c r="G55" s="6"/>
    </row>
    <row r="56" spans="1:7" ht="28" customHeight="1" x14ac:dyDescent="0.55000000000000004">
      <c r="A56" s="6"/>
      <c r="B56" s="6"/>
      <c r="C56" s="8"/>
      <c r="D56" s="6"/>
      <c r="E56" s="6"/>
      <c r="F56" s="6"/>
      <c r="G56" s="6"/>
    </row>
    <row r="57" spans="1:7" ht="28" customHeight="1" x14ac:dyDescent="0.55000000000000004">
      <c r="A57" s="6"/>
      <c r="B57" s="6"/>
      <c r="C57" s="8"/>
      <c r="D57" s="6"/>
      <c r="E57" s="6"/>
      <c r="F57" s="6"/>
      <c r="G57" s="6"/>
    </row>
    <row r="58" spans="1:7" ht="28" customHeight="1" x14ac:dyDescent="0.55000000000000004">
      <c r="A58" s="6"/>
      <c r="B58" s="6"/>
      <c r="C58" s="8"/>
      <c r="D58" s="6"/>
      <c r="E58" s="6"/>
      <c r="F58" s="6"/>
      <c r="G58" s="6"/>
    </row>
    <row r="59" spans="1:7" ht="28" customHeight="1" x14ac:dyDescent="0.55000000000000004">
      <c r="A59" s="6"/>
      <c r="B59" s="6"/>
      <c r="C59" s="8"/>
      <c r="D59" s="6"/>
      <c r="E59" s="6"/>
      <c r="F59" s="6"/>
      <c r="G59" s="6"/>
    </row>
    <row r="60" spans="1:7" ht="28" customHeight="1" x14ac:dyDescent="0.55000000000000004">
      <c r="A60" s="6"/>
      <c r="B60" s="6"/>
      <c r="C60" s="8"/>
      <c r="D60" s="6"/>
      <c r="E60" s="6"/>
      <c r="F60" s="6"/>
      <c r="G60" s="6"/>
    </row>
    <row r="61" spans="1:7" ht="28" customHeight="1" x14ac:dyDescent="0.55000000000000004">
      <c r="A61" s="6"/>
      <c r="B61" s="6"/>
      <c r="C61" s="8"/>
      <c r="D61" s="6"/>
      <c r="E61" s="6"/>
      <c r="F61" s="6"/>
      <c r="G61" s="6"/>
    </row>
    <row r="62" spans="1:7" ht="28" customHeight="1" x14ac:dyDescent="0.55000000000000004">
      <c r="A62" s="6"/>
      <c r="B62" s="6"/>
      <c r="C62" s="8"/>
      <c r="D62" s="6"/>
      <c r="E62" s="6"/>
      <c r="F62" s="6"/>
      <c r="G62" s="6"/>
    </row>
    <row r="63" spans="1:7" ht="28" customHeight="1" x14ac:dyDescent="0.55000000000000004">
      <c r="A63" s="6"/>
      <c r="B63" s="6"/>
      <c r="C63" s="8"/>
      <c r="D63" s="6"/>
      <c r="E63" s="6"/>
      <c r="F63" s="6"/>
      <c r="G63" s="6"/>
    </row>
    <row r="64" spans="1:7" ht="28" customHeight="1" x14ac:dyDescent="0.55000000000000004">
      <c r="A64" s="6"/>
      <c r="B64" s="6"/>
      <c r="C64" s="8"/>
      <c r="D64" s="6"/>
      <c r="E64" s="6"/>
      <c r="F64" s="6"/>
      <c r="G64" s="6"/>
    </row>
    <row r="65" spans="1:7" ht="28" customHeight="1" x14ac:dyDescent="0.55000000000000004">
      <c r="A65" s="6"/>
      <c r="B65" s="6"/>
      <c r="C65" s="8"/>
      <c r="D65" s="6"/>
      <c r="E65" s="6"/>
      <c r="F65" s="6"/>
      <c r="G65" s="6"/>
    </row>
    <row r="66" spans="1:7" ht="28" customHeight="1" x14ac:dyDescent="0.55000000000000004">
      <c r="A66" s="6"/>
      <c r="B66" s="6"/>
      <c r="C66" s="8"/>
      <c r="D66" s="6"/>
      <c r="E66" s="6"/>
      <c r="F66" s="6"/>
      <c r="G66" s="6"/>
    </row>
    <row r="67" spans="1:7" ht="28" customHeight="1" x14ac:dyDescent="0.55000000000000004">
      <c r="A67" s="6"/>
      <c r="B67" s="6"/>
      <c r="C67" s="8"/>
      <c r="D67" s="6"/>
      <c r="E67" s="6"/>
      <c r="F67" s="6"/>
      <c r="G67" s="6"/>
    </row>
    <row r="68" spans="1:7" ht="28" customHeight="1" x14ac:dyDescent="0.55000000000000004">
      <c r="A68" s="6"/>
      <c r="B68" s="6"/>
      <c r="C68" s="8"/>
      <c r="D68" s="6"/>
      <c r="E68" s="6"/>
      <c r="F68" s="6"/>
      <c r="G68" s="6"/>
    </row>
    <row r="69" spans="1:7" ht="28" customHeight="1" x14ac:dyDescent="0.55000000000000004">
      <c r="A69" s="6"/>
      <c r="B69" s="6"/>
      <c r="C69" s="8"/>
      <c r="D69" s="6"/>
      <c r="E69" s="6"/>
      <c r="F69" s="6"/>
      <c r="G69" s="6"/>
    </row>
    <row r="70" spans="1:7" ht="28" customHeight="1" x14ac:dyDescent="0.55000000000000004">
      <c r="A70" s="6"/>
      <c r="B70" s="6"/>
      <c r="C70" s="8"/>
      <c r="D70" s="6"/>
      <c r="E70" s="6"/>
      <c r="F70" s="6"/>
      <c r="G70" s="6"/>
    </row>
    <row r="71" spans="1:7" ht="28" customHeight="1" x14ac:dyDescent="0.55000000000000004">
      <c r="A71" s="6"/>
      <c r="B71" s="6"/>
      <c r="C71" s="8"/>
      <c r="D71" s="6"/>
      <c r="E71" s="6"/>
      <c r="F71" s="6"/>
      <c r="G71" s="6"/>
    </row>
    <row r="72" spans="1:7" ht="28" customHeight="1" x14ac:dyDescent="0.55000000000000004">
      <c r="A72" s="6"/>
      <c r="B72" s="6"/>
      <c r="C72" s="8"/>
      <c r="D72" s="6"/>
      <c r="E72" s="6"/>
      <c r="F72" s="6"/>
      <c r="G72" s="6"/>
    </row>
    <row r="73" spans="1:7" ht="28" customHeight="1" x14ac:dyDescent="0.55000000000000004">
      <c r="A73" s="6"/>
      <c r="B73" s="6"/>
      <c r="C73" s="8"/>
      <c r="D73" s="6"/>
      <c r="E73" s="6"/>
      <c r="F73" s="6"/>
      <c r="G73" s="6"/>
    </row>
    <row r="74" spans="1:7" ht="28" customHeight="1" x14ac:dyDescent="0.55000000000000004">
      <c r="A74" s="6"/>
      <c r="B74" s="6"/>
      <c r="C74" s="8"/>
      <c r="D74" s="6"/>
      <c r="E74" s="6"/>
      <c r="F74" s="6"/>
      <c r="G74" s="6"/>
    </row>
    <row r="75" spans="1:7" ht="28" customHeight="1" x14ac:dyDescent="0.55000000000000004">
      <c r="A75" s="6"/>
      <c r="B75" s="6"/>
      <c r="C75" s="8"/>
      <c r="D75" s="6"/>
      <c r="E75" s="6"/>
      <c r="F75" s="6"/>
      <c r="G75" s="6"/>
    </row>
    <row r="76" spans="1:7" ht="28" customHeight="1" x14ac:dyDescent="0.55000000000000004">
      <c r="A76" s="6"/>
      <c r="B76" s="6"/>
      <c r="C76" s="8"/>
      <c r="D76" s="6"/>
      <c r="E76" s="6"/>
      <c r="F76" s="6"/>
      <c r="G76" s="6"/>
    </row>
    <row r="77" spans="1:7" ht="28" customHeight="1" x14ac:dyDescent="0.55000000000000004">
      <c r="A77" s="6"/>
      <c r="B77" s="6"/>
      <c r="C77" s="8"/>
      <c r="D77" s="6"/>
      <c r="E77" s="6"/>
      <c r="F77" s="6"/>
      <c r="G77" s="6"/>
    </row>
    <row r="78" spans="1:7" ht="28" customHeight="1" x14ac:dyDescent="0.55000000000000004">
      <c r="A78" s="6"/>
      <c r="B78" s="6"/>
      <c r="C78" s="8"/>
      <c r="D78" s="6"/>
      <c r="E78" s="6"/>
      <c r="F78" s="6"/>
      <c r="G78" s="6"/>
    </row>
    <row r="79" spans="1:7" ht="28" customHeight="1" x14ac:dyDescent="0.55000000000000004">
      <c r="A79" s="6"/>
      <c r="B79" s="6"/>
      <c r="C79" s="8"/>
      <c r="D79" s="6"/>
      <c r="E79" s="6"/>
      <c r="F79" s="6"/>
      <c r="G79" s="6"/>
    </row>
    <row r="80" spans="1:7" ht="28" customHeight="1" x14ac:dyDescent="0.55000000000000004">
      <c r="A80" s="6"/>
      <c r="B80" s="6"/>
      <c r="C80" s="8"/>
      <c r="D80" s="6"/>
      <c r="E80" s="6"/>
      <c r="F80" s="6"/>
      <c r="G80" s="6"/>
    </row>
    <row r="81" spans="1:7" ht="28" customHeight="1" x14ac:dyDescent="0.55000000000000004">
      <c r="A81" s="6"/>
      <c r="B81" s="6"/>
      <c r="C81" s="8"/>
      <c r="D81" s="6"/>
      <c r="E81" s="6"/>
      <c r="F81" s="6"/>
      <c r="G81" s="6"/>
    </row>
    <row r="82" spans="1:7" ht="28" customHeight="1" x14ac:dyDescent="0.55000000000000004">
      <c r="A82" s="6"/>
      <c r="B82" s="6"/>
      <c r="C82" s="8"/>
      <c r="D82" s="6"/>
      <c r="E82" s="6"/>
      <c r="F82" s="6"/>
      <c r="G82" s="6"/>
    </row>
    <row r="83" spans="1:7" ht="28" customHeight="1" x14ac:dyDescent="0.55000000000000004">
      <c r="A83" s="6"/>
      <c r="B83" s="6"/>
      <c r="C83" s="8"/>
      <c r="D83" s="6"/>
      <c r="E83" s="6"/>
      <c r="F83" s="6"/>
      <c r="G83" s="6"/>
    </row>
    <row r="84" spans="1:7" ht="28" customHeight="1" x14ac:dyDescent="0.55000000000000004">
      <c r="A84" s="6"/>
      <c r="B84" s="6"/>
      <c r="C84" s="8"/>
      <c r="D84" s="6"/>
      <c r="E84" s="6"/>
      <c r="F84" s="6"/>
      <c r="G84" s="6"/>
    </row>
    <row r="85" spans="1:7" ht="28" customHeight="1" x14ac:dyDescent="0.55000000000000004">
      <c r="A85" s="6"/>
      <c r="B85" s="6"/>
      <c r="C85" s="8"/>
      <c r="D85" s="6"/>
      <c r="E85" s="6"/>
      <c r="F85" s="6"/>
      <c r="G85" s="6"/>
    </row>
    <row r="86" spans="1:7" ht="28" customHeight="1" x14ac:dyDescent="0.55000000000000004">
      <c r="A86" s="6"/>
      <c r="B86" s="6"/>
      <c r="C86" s="8"/>
      <c r="D86" s="6"/>
      <c r="E86" s="6"/>
      <c r="F86" s="6"/>
      <c r="G86" s="6"/>
    </row>
    <row r="87" spans="1:7" ht="28" customHeight="1" x14ac:dyDescent="0.55000000000000004">
      <c r="A87" s="6"/>
      <c r="B87" s="6"/>
      <c r="C87" s="8"/>
      <c r="D87" s="6"/>
      <c r="E87" s="6"/>
      <c r="F87" s="6"/>
      <c r="G87" s="6"/>
    </row>
    <row r="88" spans="1:7" ht="28" customHeight="1" x14ac:dyDescent="0.55000000000000004">
      <c r="A88" s="6"/>
      <c r="B88" s="6"/>
      <c r="C88" s="8"/>
      <c r="D88" s="6"/>
      <c r="E88" s="6"/>
      <c r="F88" s="6"/>
      <c r="G88" s="6"/>
    </row>
    <row r="89" spans="1:7" ht="28" customHeight="1" x14ac:dyDescent="0.55000000000000004">
      <c r="A89" s="6"/>
      <c r="B89" s="6"/>
      <c r="C89" s="8"/>
      <c r="D89" s="6"/>
      <c r="E89" s="6"/>
      <c r="F89" s="6"/>
      <c r="G89" s="6"/>
    </row>
    <row r="90" spans="1:7" ht="28" customHeight="1" x14ac:dyDescent="0.55000000000000004">
      <c r="A90" s="6"/>
      <c r="B90" s="6"/>
      <c r="C90" s="8"/>
      <c r="D90" s="6"/>
      <c r="E90" s="6"/>
      <c r="F90" s="6"/>
      <c r="G90" s="6"/>
    </row>
    <row r="91" spans="1:7" ht="28" customHeight="1" x14ac:dyDescent="0.55000000000000004">
      <c r="A91" s="6"/>
      <c r="B91" s="6"/>
      <c r="C91" s="8"/>
      <c r="D91" s="6"/>
      <c r="E91" s="6"/>
      <c r="F91" s="6"/>
      <c r="G91" s="6"/>
    </row>
    <row r="92" spans="1:7" ht="28" customHeight="1" x14ac:dyDescent="0.55000000000000004">
      <c r="A92" s="6"/>
      <c r="B92" s="6"/>
      <c r="C92" s="8"/>
      <c r="D92" s="6"/>
      <c r="E92" s="6"/>
      <c r="F92" s="6"/>
      <c r="G92" s="6"/>
    </row>
    <row r="93" spans="1:7" ht="28" customHeight="1" x14ac:dyDescent="0.55000000000000004">
      <c r="A93" s="6"/>
      <c r="B93" s="6"/>
      <c r="C93" s="8"/>
      <c r="D93" s="6"/>
      <c r="E93" s="6"/>
      <c r="F93" s="6"/>
      <c r="G93" s="6"/>
    </row>
    <row r="94" spans="1:7" ht="28" customHeight="1" x14ac:dyDescent="0.55000000000000004">
      <c r="A94" s="6"/>
      <c r="B94" s="6"/>
      <c r="C94" s="8"/>
      <c r="D94" s="6"/>
      <c r="E94" s="6"/>
      <c r="F94" s="6"/>
      <c r="G94" s="6"/>
    </row>
    <row r="95" spans="1:7" ht="28" customHeight="1" x14ac:dyDescent="0.55000000000000004">
      <c r="A95" s="6"/>
      <c r="B95" s="6"/>
      <c r="C95" s="8"/>
      <c r="D95" s="6"/>
      <c r="E95" s="6"/>
      <c r="F95" s="6"/>
      <c r="G95" s="6"/>
    </row>
    <row r="96" spans="1:7" ht="28" customHeight="1" x14ac:dyDescent="0.55000000000000004">
      <c r="A96" s="6"/>
      <c r="B96" s="6"/>
      <c r="C96" s="8"/>
      <c r="D96" s="6"/>
      <c r="E96" s="6"/>
      <c r="F96" s="6"/>
      <c r="G96" s="6"/>
    </row>
    <row r="97" spans="1:7" ht="28" customHeight="1" x14ac:dyDescent="0.55000000000000004">
      <c r="A97" s="6"/>
      <c r="B97" s="6"/>
      <c r="C97" s="8"/>
      <c r="D97" s="6"/>
      <c r="E97" s="6"/>
      <c r="F97" s="6"/>
      <c r="G97" s="6"/>
    </row>
    <row r="98" spans="1:7" ht="28" customHeight="1" x14ac:dyDescent="0.55000000000000004">
      <c r="A98" s="6"/>
      <c r="B98" s="6"/>
      <c r="C98" s="8"/>
      <c r="D98" s="6"/>
      <c r="E98" s="6"/>
      <c r="F98" s="6"/>
      <c r="G98" s="6"/>
    </row>
    <row r="99" spans="1:7" ht="28" customHeight="1" x14ac:dyDescent="0.55000000000000004">
      <c r="A99" s="6"/>
      <c r="B99" s="6"/>
      <c r="C99" s="8"/>
      <c r="D99" s="6"/>
      <c r="E99" s="6"/>
      <c r="F99" s="6"/>
      <c r="G99" s="6"/>
    </row>
    <row r="100" spans="1:7" ht="28" customHeight="1" x14ac:dyDescent="0.55000000000000004">
      <c r="A100" s="6"/>
      <c r="B100" s="6"/>
      <c r="C100" s="8"/>
      <c r="D100" s="6"/>
      <c r="E100" s="6"/>
      <c r="F100" s="6"/>
      <c r="G100" s="6"/>
    </row>
    <row r="101" spans="1:7" ht="28" customHeight="1" x14ac:dyDescent="0.55000000000000004">
      <c r="A101" s="6"/>
      <c r="B101" s="6"/>
      <c r="C101" s="8"/>
      <c r="D101" s="6"/>
      <c r="E101" s="6"/>
      <c r="F101" s="6"/>
      <c r="G101" s="6"/>
    </row>
    <row r="102" spans="1:7" ht="28" customHeight="1" x14ac:dyDescent="0.55000000000000004">
      <c r="A102" s="6"/>
      <c r="B102" s="6"/>
      <c r="C102" s="8"/>
      <c r="D102" s="6"/>
      <c r="E102" s="6"/>
      <c r="F102" s="6"/>
      <c r="G102" s="6"/>
    </row>
    <row r="103" spans="1:7" ht="28" customHeight="1" x14ac:dyDescent="0.55000000000000004">
      <c r="A103" s="6"/>
      <c r="B103" s="6"/>
      <c r="C103" s="8"/>
      <c r="D103" s="6"/>
      <c r="E103" s="6"/>
      <c r="F103" s="6"/>
      <c r="G103" s="6"/>
    </row>
    <row r="104" spans="1:7" ht="28" customHeight="1" x14ac:dyDescent="0.55000000000000004">
      <c r="A104" s="6"/>
      <c r="B104" s="6"/>
      <c r="C104" s="8"/>
      <c r="D104" s="6"/>
      <c r="E104" s="6"/>
      <c r="F104" s="6"/>
      <c r="G104" s="6"/>
    </row>
    <row r="105" spans="1:7" ht="28" customHeight="1" x14ac:dyDescent="0.55000000000000004">
      <c r="A105" s="6"/>
      <c r="B105" s="6"/>
      <c r="C105" s="8"/>
      <c r="D105" s="6"/>
      <c r="E105" s="6"/>
      <c r="F105" s="6"/>
      <c r="G105" s="6"/>
    </row>
    <row r="106" spans="1:7" ht="28" customHeight="1" x14ac:dyDescent="0.55000000000000004">
      <c r="A106" s="6"/>
      <c r="B106" s="6"/>
      <c r="C106" s="8"/>
      <c r="D106" s="6"/>
      <c r="E106" s="6"/>
      <c r="F106" s="6"/>
      <c r="G106" s="6"/>
    </row>
    <row r="107" spans="1:7" ht="28" customHeight="1" x14ac:dyDescent="0.55000000000000004">
      <c r="A107" s="6"/>
      <c r="B107" s="6"/>
      <c r="C107" s="8"/>
      <c r="D107" s="6"/>
      <c r="E107" s="6"/>
      <c r="F107" s="6"/>
      <c r="G107" s="6"/>
    </row>
    <row r="108" spans="1:7" ht="28" customHeight="1" x14ac:dyDescent="0.55000000000000004">
      <c r="A108" s="6"/>
      <c r="B108" s="6"/>
      <c r="C108" s="8"/>
      <c r="D108" s="6"/>
      <c r="E108" s="6"/>
      <c r="F108" s="6"/>
      <c r="G108" s="6"/>
    </row>
    <row r="109" spans="1:7" ht="28" customHeight="1" x14ac:dyDescent="0.55000000000000004">
      <c r="A109" s="6"/>
      <c r="B109" s="6"/>
      <c r="C109" s="8"/>
      <c r="D109" s="6"/>
      <c r="E109" s="6"/>
      <c r="F109" s="6"/>
      <c r="G109" s="6"/>
    </row>
    <row r="110" spans="1:7" ht="28" customHeight="1" x14ac:dyDescent="0.55000000000000004">
      <c r="A110" s="6"/>
      <c r="B110" s="6"/>
      <c r="C110" s="8"/>
      <c r="D110" s="6"/>
      <c r="E110" s="6"/>
      <c r="F110" s="6"/>
      <c r="G110" s="6"/>
    </row>
    <row r="111" spans="1:7" ht="28" customHeight="1" x14ac:dyDescent="0.55000000000000004">
      <c r="A111" s="6"/>
      <c r="B111" s="6"/>
      <c r="C111" s="8"/>
      <c r="D111" s="6"/>
      <c r="E111" s="6"/>
      <c r="F111" s="6"/>
      <c r="G111" s="6"/>
    </row>
    <row r="112" spans="1:7" ht="28" customHeight="1" x14ac:dyDescent="0.55000000000000004">
      <c r="A112" s="6"/>
      <c r="B112" s="6"/>
      <c r="C112" s="8"/>
      <c r="D112" s="6"/>
      <c r="E112" s="6"/>
      <c r="F112" s="6"/>
      <c r="G112" s="6"/>
    </row>
    <row r="113" spans="1:7" ht="28" customHeight="1" x14ac:dyDescent="0.55000000000000004">
      <c r="A113" s="6"/>
      <c r="B113" s="6"/>
      <c r="C113" s="8"/>
      <c r="D113" s="6"/>
      <c r="E113" s="6"/>
      <c r="F113" s="6"/>
      <c r="G113" s="6"/>
    </row>
    <row r="114" spans="1:7" ht="28" customHeight="1" x14ac:dyDescent="0.55000000000000004">
      <c r="A114" s="6"/>
      <c r="B114" s="6"/>
      <c r="C114" s="8"/>
      <c r="D114" s="6"/>
      <c r="E114" s="6"/>
      <c r="F114" s="6"/>
      <c r="G114" s="6"/>
    </row>
    <row r="115" spans="1:7" ht="28" customHeight="1" x14ac:dyDescent="0.55000000000000004">
      <c r="A115" s="6"/>
      <c r="B115" s="6"/>
      <c r="C115" s="8"/>
      <c r="D115" s="6"/>
      <c r="E115" s="6"/>
      <c r="F115" s="6"/>
      <c r="G115" s="6"/>
    </row>
    <row r="116" spans="1:7" ht="28" customHeight="1" x14ac:dyDescent="0.55000000000000004">
      <c r="A116" s="6"/>
      <c r="B116" s="6"/>
      <c r="C116" s="8"/>
      <c r="D116" s="6"/>
      <c r="E116" s="6"/>
      <c r="F116" s="6"/>
      <c r="G116" s="6"/>
    </row>
    <row r="117" spans="1:7" ht="28" customHeight="1" x14ac:dyDescent="0.55000000000000004">
      <c r="A117" s="6"/>
      <c r="B117" s="6"/>
      <c r="C117" s="8"/>
      <c r="D117" s="6"/>
      <c r="E117" s="6"/>
      <c r="F117" s="6"/>
      <c r="G117" s="6"/>
    </row>
    <row r="118" spans="1:7" ht="28" customHeight="1" x14ac:dyDescent="0.55000000000000004">
      <c r="A118" s="6"/>
      <c r="B118" s="6"/>
      <c r="C118" s="8"/>
      <c r="D118" s="6"/>
      <c r="E118" s="6"/>
      <c r="F118" s="6"/>
      <c r="G118" s="6"/>
    </row>
    <row r="119" spans="1:7" ht="28" customHeight="1" x14ac:dyDescent="0.55000000000000004">
      <c r="A119" s="6"/>
      <c r="B119" s="6"/>
      <c r="C119" s="8"/>
      <c r="D119" s="6"/>
      <c r="E119" s="6"/>
      <c r="F119" s="6"/>
      <c r="G119" s="6"/>
    </row>
    <row r="120" spans="1:7" ht="28" customHeight="1" x14ac:dyDescent="0.55000000000000004">
      <c r="A120" s="6"/>
      <c r="B120" s="6"/>
      <c r="C120" s="8"/>
      <c r="D120" s="6"/>
      <c r="E120" s="6"/>
      <c r="F120" s="6"/>
      <c r="G120" s="6"/>
    </row>
    <row r="121" spans="1:7" ht="28" customHeight="1" x14ac:dyDescent="0.55000000000000004">
      <c r="A121" s="6"/>
      <c r="B121" s="6"/>
      <c r="C121" s="8"/>
      <c r="D121" s="6"/>
      <c r="E121" s="6"/>
      <c r="F121" s="6"/>
      <c r="G121" s="6"/>
    </row>
    <row r="122" spans="1:7" ht="28" customHeight="1" x14ac:dyDescent="0.55000000000000004">
      <c r="A122" s="6"/>
      <c r="B122" s="6"/>
      <c r="C122" s="8"/>
      <c r="D122" s="6"/>
      <c r="E122" s="6"/>
      <c r="F122" s="6"/>
      <c r="G122" s="6"/>
    </row>
    <row r="123" spans="1:7" ht="28" customHeight="1" x14ac:dyDescent="0.55000000000000004">
      <c r="A123" s="6"/>
      <c r="B123" s="6"/>
      <c r="C123" s="8"/>
      <c r="D123" s="6"/>
      <c r="E123" s="6"/>
      <c r="F123" s="6"/>
      <c r="G123" s="6"/>
    </row>
    <row r="124" spans="1:7" ht="28" customHeight="1" x14ac:dyDescent="0.55000000000000004">
      <c r="A124" s="6"/>
      <c r="B124" s="6"/>
      <c r="C124" s="8"/>
      <c r="D124" s="6"/>
      <c r="E124" s="6"/>
      <c r="F124" s="6"/>
      <c r="G124" s="6"/>
    </row>
    <row r="125" spans="1:7" ht="28" customHeight="1" x14ac:dyDescent="0.55000000000000004">
      <c r="A125" s="6"/>
      <c r="B125" s="6"/>
      <c r="C125" s="8"/>
      <c r="D125" s="6"/>
      <c r="E125" s="6"/>
      <c r="F125" s="6"/>
      <c r="G125" s="6"/>
    </row>
    <row r="126" spans="1:7" ht="28" customHeight="1" x14ac:dyDescent="0.55000000000000004">
      <c r="A126" s="6"/>
      <c r="B126" s="6"/>
      <c r="C126" s="8"/>
      <c r="D126" s="6"/>
      <c r="E126" s="6"/>
      <c r="F126" s="6"/>
      <c r="G126" s="6"/>
    </row>
    <row r="127" spans="1:7" ht="28" customHeight="1" x14ac:dyDescent="0.55000000000000004">
      <c r="A127" s="6"/>
      <c r="B127" s="6"/>
      <c r="C127" s="8"/>
      <c r="D127" s="6"/>
      <c r="E127" s="6"/>
      <c r="F127" s="6"/>
      <c r="G127" s="6"/>
    </row>
    <row r="128" spans="1:7" ht="28" customHeight="1" x14ac:dyDescent="0.55000000000000004">
      <c r="A128" s="6"/>
      <c r="B128" s="6"/>
      <c r="C128" s="8"/>
      <c r="D128" s="6"/>
      <c r="E128" s="6"/>
      <c r="F128" s="6"/>
      <c r="G128" s="6"/>
    </row>
    <row r="129" spans="1:7" ht="28" customHeight="1" x14ac:dyDescent="0.55000000000000004">
      <c r="A129" s="6"/>
      <c r="B129" s="6"/>
      <c r="C129" s="8"/>
      <c r="D129" s="6"/>
      <c r="E129" s="6"/>
      <c r="F129" s="6"/>
      <c r="G129" s="6"/>
    </row>
    <row r="130" spans="1:7" ht="28" customHeight="1" x14ac:dyDescent="0.55000000000000004">
      <c r="A130" s="6"/>
      <c r="B130" s="6"/>
      <c r="C130" s="8"/>
      <c r="D130" s="6"/>
      <c r="E130" s="6"/>
      <c r="F130" s="6"/>
      <c r="G130" s="6"/>
    </row>
    <row r="131" spans="1:7" ht="28" customHeight="1" x14ac:dyDescent="0.55000000000000004">
      <c r="A131" s="6"/>
      <c r="B131" s="6"/>
      <c r="C131" s="8"/>
      <c r="D131" s="6"/>
      <c r="E131" s="6"/>
      <c r="F131" s="6"/>
      <c r="G131" s="6"/>
    </row>
    <row r="132" spans="1:7" ht="28" customHeight="1" x14ac:dyDescent="0.55000000000000004">
      <c r="A132" s="6"/>
      <c r="B132" s="6"/>
      <c r="C132" s="8"/>
      <c r="D132" s="6"/>
      <c r="E132" s="6"/>
      <c r="F132" s="6"/>
      <c r="G132" s="6"/>
    </row>
    <row r="133" spans="1:7" ht="28" customHeight="1" x14ac:dyDescent="0.55000000000000004">
      <c r="A133" s="6"/>
      <c r="B133" s="6"/>
      <c r="C133" s="8"/>
      <c r="D133" s="6"/>
      <c r="E133" s="6"/>
      <c r="F133" s="6"/>
      <c r="G133" s="6"/>
    </row>
    <row r="134" spans="1:7" ht="28" customHeight="1" x14ac:dyDescent="0.55000000000000004">
      <c r="A134" s="6"/>
      <c r="B134" s="6"/>
      <c r="C134" s="8"/>
      <c r="D134" s="6"/>
      <c r="E134" s="6"/>
      <c r="F134" s="6"/>
      <c r="G134" s="6"/>
    </row>
    <row r="135" spans="1:7" ht="28" customHeight="1" x14ac:dyDescent="0.55000000000000004">
      <c r="A135" s="6"/>
      <c r="B135" s="6"/>
      <c r="C135" s="8"/>
      <c r="D135" s="6"/>
      <c r="E135" s="6"/>
      <c r="F135" s="6"/>
      <c r="G135" s="6"/>
    </row>
    <row r="136" spans="1:7" ht="28" customHeight="1" x14ac:dyDescent="0.55000000000000004">
      <c r="A136" s="6"/>
      <c r="B136" s="6"/>
      <c r="C136" s="8"/>
      <c r="D136" s="6"/>
      <c r="E136" s="6"/>
      <c r="F136" s="6"/>
      <c r="G136" s="6"/>
    </row>
    <row r="137" spans="1:7" ht="28" customHeight="1" x14ac:dyDescent="0.55000000000000004">
      <c r="A137" s="6"/>
      <c r="B137" s="6"/>
      <c r="C137" s="8"/>
      <c r="D137" s="6"/>
      <c r="E137" s="6"/>
      <c r="F137" s="6"/>
      <c r="G137" s="6"/>
    </row>
    <row r="138" spans="1:7" ht="28" customHeight="1" x14ac:dyDescent="0.55000000000000004">
      <c r="A138" s="6"/>
      <c r="B138" s="6"/>
      <c r="C138" s="8"/>
      <c r="D138" s="6"/>
      <c r="E138" s="6"/>
      <c r="F138" s="6"/>
      <c r="G138" s="6"/>
    </row>
    <row r="139" spans="1:7" ht="28" customHeight="1" x14ac:dyDescent="0.55000000000000004">
      <c r="A139" s="6"/>
      <c r="B139" s="6"/>
      <c r="C139" s="8"/>
      <c r="D139" s="6"/>
      <c r="E139" s="6"/>
      <c r="F139" s="6"/>
      <c r="G139" s="6"/>
    </row>
    <row r="140" spans="1:7" ht="28" customHeight="1" x14ac:dyDescent="0.55000000000000004">
      <c r="A140" s="6"/>
      <c r="B140" s="6"/>
      <c r="C140" s="8"/>
      <c r="D140" s="6"/>
      <c r="E140" s="6"/>
      <c r="F140" s="6"/>
      <c r="G140" s="6"/>
    </row>
    <row r="141" spans="1:7" ht="28" customHeight="1" x14ac:dyDescent="0.55000000000000004">
      <c r="A141" s="6"/>
      <c r="B141" s="6"/>
      <c r="C141" s="8"/>
      <c r="D141" s="6"/>
      <c r="E141" s="6"/>
      <c r="F141" s="6"/>
      <c r="G141" s="6"/>
    </row>
    <row r="142" spans="1:7" ht="28" customHeight="1" x14ac:dyDescent="0.55000000000000004">
      <c r="A142" s="6"/>
      <c r="B142" s="6"/>
      <c r="C142" s="8"/>
      <c r="D142" s="6"/>
      <c r="E142" s="6"/>
      <c r="F142" s="6"/>
      <c r="G142" s="6"/>
    </row>
    <row r="143" spans="1:7" ht="28" customHeight="1" x14ac:dyDescent="0.55000000000000004">
      <c r="A143" s="6"/>
      <c r="B143" s="6"/>
      <c r="C143" s="8"/>
      <c r="D143" s="6"/>
      <c r="E143" s="6"/>
      <c r="F143" s="6"/>
      <c r="G143" s="6"/>
    </row>
    <row r="144" spans="1:7" ht="28" customHeight="1" x14ac:dyDescent="0.55000000000000004">
      <c r="A144" s="6"/>
      <c r="B144" s="6"/>
      <c r="C144" s="8"/>
      <c r="D144" s="6"/>
      <c r="E144" s="6"/>
      <c r="F144" s="6"/>
      <c r="G144" s="6"/>
    </row>
    <row r="145" spans="1:7" ht="28" customHeight="1" x14ac:dyDescent="0.55000000000000004">
      <c r="A145" s="6"/>
      <c r="B145" s="6"/>
      <c r="C145" s="8"/>
      <c r="D145" s="6"/>
      <c r="E145" s="6"/>
      <c r="F145" s="6"/>
      <c r="G145" s="6"/>
    </row>
    <row r="146" spans="1:7" ht="28" customHeight="1" x14ac:dyDescent="0.55000000000000004">
      <c r="A146" s="6"/>
      <c r="B146" s="6"/>
      <c r="C146" s="8"/>
      <c r="D146" s="6"/>
      <c r="E146" s="6"/>
      <c r="F146" s="6"/>
      <c r="G146" s="6"/>
    </row>
    <row r="147" spans="1:7" ht="28" customHeight="1" x14ac:dyDescent="0.55000000000000004">
      <c r="A147" s="6"/>
      <c r="B147" s="6"/>
      <c r="C147" s="8"/>
      <c r="D147" s="6"/>
      <c r="E147" s="6"/>
      <c r="F147" s="6"/>
      <c r="G147" s="6"/>
    </row>
    <row r="148" spans="1:7" ht="28" customHeight="1" x14ac:dyDescent="0.55000000000000004">
      <c r="A148" s="6"/>
      <c r="B148" s="6"/>
      <c r="C148" s="8"/>
      <c r="D148" s="6"/>
      <c r="E148" s="6"/>
      <c r="F148" s="6"/>
      <c r="G148" s="6"/>
    </row>
    <row r="149" spans="1:7" ht="28" customHeight="1" x14ac:dyDescent="0.55000000000000004">
      <c r="A149" s="6"/>
      <c r="B149" s="6"/>
      <c r="C149" s="8"/>
      <c r="D149" s="6"/>
      <c r="E149" s="6"/>
      <c r="F149" s="6"/>
      <c r="G149" s="6"/>
    </row>
    <row r="150" spans="1:7" ht="28" customHeight="1" x14ac:dyDescent="0.55000000000000004">
      <c r="A150" s="6"/>
      <c r="B150" s="6"/>
      <c r="C150" s="8"/>
      <c r="D150" s="6"/>
      <c r="E150" s="6"/>
      <c r="F150" s="6"/>
      <c r="G150" s="6"/>
    </row>
    <row r="151" spans="1:7" ht="28" customHeight="1" x14ac:dyDescent="0.55000000000000004">
      <c r="A151" s="6"/>
      <c r="B151" s="6"/>
      <c r="C151" s="8"/>
      <c r="D151" s="6"/>
      <c r="E151" s="6"/>
      <c r="F151" s="6"/>
      <c r="G151" s="6"/>
    </row>
    <row r="152" spans="1:7" ht="28" customHeight="1" x14ac:dyDescent="0.55000000000000004">
      <c r="A152" s="6"/>
      <c r="B152" s="6"/>
      <c r="C152" s="8"/>
      <c r="D152" s="6"/>
      <c r="E152" s="6"/>
      <c r="F152" s="6"/>
      <c r="G152" s="6"/>
    </row>
    <row r="153" spans="1:7" ht="28" customHeight="1" x14ac:dyDescent="0.55000000000000004">
      <c r="A153" s="6"/>
      <c r="B153" s="6"/>
      <c r="C153" s="8"/>
      <c r="D153" s="6"/>
      <c r="E153" s="6"/>
      <c r="F153" s="6"/>
      <c r="G153" s="6"/>
    </row>
    <row r="154" spans="1:7" ht="28" customHeight="1" x14ac:dyDescent="0.55000000000000004">
      <c r="A154" s="6"/>
      <c r="B154" s="6"/>
      <c r="C154" s="8"/>
      <c r="D154" s="6"/>
      <c r="E154" s="6"/>
      <c r="F154" s="6"/>
      <c r="G154" s="6"/>
    </row>
    <row r="155" spans="1:7" ht="28" customHeight="1" x14ac:dyDescent="0.55000000000000004">
      <c r="A155" s="6"/>
      <c r="B155" s="6"/>
      <c r="C155" s="8"/>
      <c r="D155" s="6"/>
      <c r="E155" s="6"/>
      <c r="F155" s="6"/>
      <c r="G155" s="6"/>
    </row>
    <row r="156" spans="1:7" ht="28" customHeight="1" x14ac:dyDescent="0.55000000000000004">
      <c r="A156" s="6"/>
      <c r="B156" s="6"/>
      <c r="C156" s="8"/>
      <c r="D156" s="6"/>
      <c r="E156" s="6"/>
      <c r="F156" s="6"/>
      <c r="G156" s="6"/>
    </row>
    <row r="157" spans="1:7" ht="28" customHeight="1" x14ac:dyDescent="0.55000000000000004">
      <c r="A157" s="6"/>
      <c r="B157" s="6"/>
      <c r="C157" s="8"/>
      <c r="D157" s="6"/>
      <c r="E157" s="6"/>
      <c r="F157" s="6"/>
      <c r="G157" s="6"/>
    </row>
    <row r="158" spans="1:7" ht="28" customHeight="1" x14ac:dyDescent="0.55000000000000004">
      <c r="A158" s="6"/>
      <c r="B158" s="6"/>
      <c r="C158" s="8"/>
      <c r="D158" s="6"/>
      <c r="E158" s="6"/>
      <c r="F158" s="6"/>
      <c r="G158" s="6"/>
    </row>
    <row r="159" spans="1:7" ht="28" customHeight="1" x14ac:dyDescent="0.55000000000000004">
      <c r="A159" s="6"/>
      <c r="B159" s="6"/>
      <c r="C159" s="8"/>
      <c r="D159" s="6"/>
      <c r="E159" s="6"/>
      <c r="F159" s="6"/>
      <c r="G159" s="6"/>
    </row>
    <row r="160" spans="1:7" ht="28" customHeight="1" x14ac:dyDescent="0.55000000000000004">
      <c r="A160" s="6"/>
      <c r="B160" s="6"/>
      <c r="C160" s="8"/>
      <c r="D160" s="6"/>
      <c r="E160" s="6"/>
      <c r="F160" s="6"/>
      <c r="G160" s="6"/>
    </row>
    <row r="161" spans="1:7" ht="28" customHeight="1" x14ac:dyDescent="0.55000000000000004">
      <c r="A161" s="6"/>
      <c r="B161" s="6"/>
      <c r="C161" s="8"/>
      <c r="D161" s="6"/>
      <c r="E161" s="6"/>
      <c r="F161" s="6"/>
      <c r="G161" s="6"/>
    </row>
    <row r="162" spans="1:7" ht="28" customHeight="1" x14ac:dyDescent="0.55000000000000004">
      <c r="A162" s="6"/>
      <c r="B162" s="6"/>
      <c r="C162" s="8"/>
      <c r="D162" s="6"/>
      <c r="E162" s="6"/>
      <c r="F162" s="6"/>
      <c r="G162" s="6"/>
    </row>
    <row r="163" spans="1:7" ht="28" customHeight="1" x14ac:dyDescent="0.55000000000000004">
      <c r="A163" s="6"/>
      <c r="B163" s="6"/>
      <c r="C163" s="8"/>
      <c r="D163" s="6"/>
      <c r="E163" s="6"/>
      <c r="F163" s="6"/>
      <c r="G163" s="6"/>
    </row>
    <row r="164" spans="1:7" ht="28" customHeight="1" x14ac:dyDescent="0.55000000000000004">
      <c r="A164" s="6"/>
      <c r="B164" s="6"/>
      <c r="C164" s="8"/>
      <c r="D164" s="6"/>
      <c r="E164" s="6"/>
      <c r="F164" s="6"/>
      <c r="G164" s="6"/>
    </row>
    <row r="165" spans="1:7" ht="28" customHeight="1" x14ac:dyDescent="0.55000000000000004">
      <c r="A165" s="6"/>
      <c r="B165" s="6"/>
      <c r="C165" s="8"/>
      <c r="D165" s="6"/>
      <c r="E165" s="6"/>
      <c r="F165" s="6"/>
      <c r="G165" s="6"/>
    </row>
    <row r="166" spans="1:7" ht="28" customHeight="1" x14ac:dyDescent="0.55000000000000004">
      <c r="A166" s="6"/>
      <c r="B166" s="6"/>
      <c r="C166" s="8"/>
      <c r="D166" s="6"/>
      <c r="E166" s="6"/>
      <c r="F166" s="6"/>
      <c r="G166" s="6"/>
    </row>
    <row r="167" spans="1:7" ht="28" customHeight="1" x14ac:dyDescent="0.55000000000000004">
      <c r="A167" s="6"/>
      <c r="B167" s="6"/>
      <c r="C167" s="8"/>
      <c r="D167" s="6"/>
      <c r="E167" s="6"/>
      <c r="F167" s="6"/>
      <c r="G167" s="6"/>
    </row>
    <row r="168" spans="1:7" ht="28" customHeight="1" x14ac:dyDescent="0.55000000000000004">
      <c r="A168" s="6"/>
      <c r="B168" s="6"/>
      <c r="C168" s="8"/>
      <c r="D168" s="6"/>
      <c r="E168" s="6"/>
      <c r="F168" s="6"/>
      <c r="G168" s="6"/>
    </row>
    <row r="169" spans="1:7" ht="28" customHeight="1" x14ac:dyDescent="0.55000000000000004">
      <c r="A169" s="6"/>
      <c r="B169" s="6"/>
      <c r="C169" s="8"/>
      <c r="D169" s="6"/>
      <c r="E169" s="6"/>
      <c r="F169" s="6"/>
      <c r="G169" s="6"/>
    </row>
    <row r="170" spans="1:7" ht="28" customHeight="1" x14ac:dyDescent="0.55000000000000004">
      <c r="A170" s="6"/>
      <c r="B170" s="6"/>
      <c r="C170" s="8"/>
      <c r="D170" s="6"/>
      <c r="E170" s="6"/>
      <c r="F170" s="6"/>
      <c r="G170" s="6"/>
    </row>
    <row r="171" spans="1:7" ht="28" customHeight="1" x14ac:dyDescent="0.55000000000000004">
      <c r="A171" s="6"/>
      <c r="B171" s="6"/>
      <c r="C171" s="8"/>
      <c r="D171" s="6"/>
      <c r="E171" s="6"/>
      <c r="F171" s="6"/>
      <c r="G171" s="6"/>
    </row>
    <row r="172" spans="1:7" ht="28" customHeight="1" x14ac:dyDescent="0.55000000000000004">
      <c r="A172" s="6"/>
      <c r="B172" s="6"/>
      <c r="C172" s="8"/>
      <c r="D172" s="6"/>
      <c r="E172" s="6"/>
      <c r="F172" s="6"/>
      <c r="G172" s="6"/>
    </row>
    <row r="173" spans="1:7" ht="28" customHeight="1" x14ac:dyDescent="0.55000000000000004">
      <c r="A173" s="6"/>
      <c r="B173" s="6"/>
      <c r="C173" s="8"/>
      <c r="D173" s="6"/>
      <c r="E173" s="6"/>
      <c r="F173" s="6"/>
      <c r="G173" s="6"/>
    </row>
    <row r="174" spans="1:7" ht="28" customHeight="1" x14ac:dyDescent="0.55000000000000004">
      <c r="A174" s="6"/>
      <c r="B174" s="6"/>
      <c r="C174" s="8"/>
      <c r="D174" s="6"/>
      <c r="E174" s="6"/>
      <c r="F174" s="6"/>
      <c r="G174" s="6"/>
    </row>
    <row r="175" spans="1:7" ht="28" customHeight="1" x14ac:dyDescent="0.55000000000000004">
      <c r="A175" s="6"/>
      <c r="B175" s="6"/>
      <c r="C175" s="8"/>
      <c r="D175" s="6"/>
      <c r="E175" s="6"/>
      <c r="F175" s="6"/>
      <c r="G175" s="6"/>
    </row>
    <row r="176" spans="1:7" ht="28" customHeight="1" x14ac:dyDescent="0.55000000000000004">
      <c r="A176" s="6"/>
      <c r="B176" s="6"/>
      <c r="C176" s="8"/>
      <c r="D176" s="6"/>
      <c r="E176" s="6"/>
      <c r="F176" s="6"/>
      <c r="G176" s="6"/>
    </row>
    <row r="177" spans="1:7" ht="28" customHeight="1" x14ac:dyDescent="0.55000000000000004">
      <c r="A177" s="6"/>
      <c r="B177" s="6"/>
      <c r="C177" s="8"/>
      <c r="D177" s="6"/>
      <c r="E177" s="6"/>
      <c r="F177" s="6"/>
      <c r="G177" s="6"/>
    </row>
    <row r="178" spans="1:7" ht="28" customHeight="1" x14ac:dyDescent="0.55000000000000004">
      <c r="A178" s="6"/>
      <c r="B178" s="6"/>
      <c r="C178" s="8"/>
      <c r="D178" s="6"/>
      <c r="E178" s="6"/>
      <c r="F178" s="6"/>
      <c r="G178" s="6"/>
    </row>
    <row r="179" spans="1:7" ht="28" customHeight="1" x14ac:dyDescent="0.55000000000000004">
      <c r="A179" s="6"/>
      <c r="B179" s="6"/>
      <c r="C179" s="8"/>
      <c r="D179" s="6"/>
      <c r="E179" s="6"/>
      <c r="F179" s="6"/>
      <c r="G179" s="6"/>
    </row>
    <row r="180" spans="1:7" ht="28" customHeight="1" x14ac:dyDescent="0.55000000000000004">
      <c r="A180" s="6"/>
      <c r="B180" s="6"/>
      <c r="C180" s="8"/>
      <c r="D180" s="6"/>
      <c r="E180" s="6"/>
      <c r="F180" s="6"/>
      <c r="G180" s="6"/>
    </row>
    <row r="181" spans="1:7" ht="28" customHeight="1" x14ac:dyDescent="0.55000000000000004">
      <c r="A181" s="6"/>
      <c r="B181" s="6"/>
      <c r="C181" s="8"/>
      <c r="D181" s="6"/>
      <c r="E181" s="6"/>
      <c r="F181" s="6"/>
      <c r="G181" s="6"/>
    </row>
    <row r="182" spans="1:7" ht="28" customHeight="1" x14ac:dyDescent="0.55000000000000004">
      <c r="A182" s="6"/>
      <c r="B182" s="6"/>
      <c r="C182" s="8"/>
      <c r="D182" s="6"/>
      <c r="E182" s="6"/>
      <c r="F182" s="6"/>
      <c r="G182" s="6"/>
    </row>
    <row r="183" spans="1:7" ht="28" customHeight="1" x14ac:dyDescent="0.55000000000000004">
      <c r="A183" s="6"/>
      <c r="B183" s="6"/>
      <c r="C183" s="8"/>
      <c r="D183" s="6"/>
      <c r="E183" s="6"/>
      <c r="F183" s="6"/>
      <c r="G183" s="6"/>
    </row>
    <row r="184" spans="1:7" ht="28" customHeight="1" x14ac:dyDescent="0.55000000000000004">
      <c r="A184" s="6"/>
      <c r="B184" s="6"/>
      <c r="C184" s="8"/>
      <c r="D184" s="6"/>
      <c r="E184" s="6"/>
      <c r="F184" s="6"/>
      <c r="G184" s="6"/>
    </row>
    <row r="185" spans="1:7" ht="28" customHeight="1" x14ac:dyDescent="0.55000000000000004">
      <c r="A185" s="6"/>
      <c r="B185" s="6"/>
      <c r="C185" s="8"/>
      <c r="D185" s="6"/>
      <c r="E185" s="6"/>
      <c r="F185" s="6"/>
      <c r="G185" s="6"/>
    </row>
    <row r="186" spans="1:7" ht="28" customHeight="1" x14ac:dyDescent="0.55000000000000004">
      <c r="A186" s="6"/>
      <c r="B186" s="6"/>
      <c r="C186" s="8"/>
      <c r="D186" s="6"/>
      <c r="E186" s="6"/>
      <c r="F186" s="6"/>
      <c r="G186" s="6"/>
    </row>
    <row r="187" spans="1:7" ht="28" customHeight="1" x14ac:dyDescent="0.55000000000000004">
      <c r="A187" s="6"/>
      <c r="B187" s="6"/>
      <c r="C187" s="8"/>
      <c r="D187" s="6"/>
      <c r="E187" s="6"/>
      <c r="F187" s="6"/>
      <c r="G187" s="6"/>
    </row>
    <row r="188" spans="1:7" ht="28" customHeight="1" x14ac:dyDescent="0.55000000000000004">
      <c r="A188" s="6"/>
      <c r="B188" s="6"/>
      <c r="C188" s="8"/>
      <c r="D188" s="6"/>
      <c r="E188" s="6"/>
      <c r="F188" s="6"/>
      <c r="G188" s="6"/>
    </row>
    <row r="189" spans="1:7" ht="28" customHeight="1" x14ac:dyDescent="0.55000000000000004">
      <c r="A189" s="6"/>
      <c r="B189" s="6"/>
      <c r="C189" s="8"/>
      <c r="D189" s="6"/>
      <c r="E189" s="6"/>
      <c r="F189" s="6"/>
      <c r="G189" s="6"/>
    </row>
    <row r="190" spans="1:7" ht="28" customHeight="1" x14ac:dyDescent="0.55000000000000004">
      <c r="A190" s="6"/>
      <c r="B190" s="6"/>
      <c r="C190" s="8"/>
      <c r="D190" s="6"/>
      <c r="E190" s="6"/>
      <c r="F190" s="6"/>
      <c r="G190" s="6"/>
    </row>
    <row r="191" spans="1:7" ht="28" customHeight="1" x14ac:dyDescent="0.55000000000000004">
      <c r="A191" s="6"/>
      <c r="B191" s="6"/>
      <c r="C191" s="8"/>
      <c r="D191" s="6"/>
      <c r="E191" s="6"/>
      <c r="F191" s="6"/>
      <c r="G191" s="6"/>
    </row>
    <row r="192" spans="1:7" ht="28" customHeight="1" x14ac:dyDescent="0.55000000000000004">
      <c r="A192" s="6"/>
      <c r="B192" s="6"/>
      <c r="C192" s="8"/>
      <c r="D192" s="6"/>
      <c r="E192" s="6"/>
      <c r="F192" s="6"/>
      <c r="G192" s="6"/>
    </row>
    <row r="193" spans="1:7" ht="28" customHeight="1" x14ac:dyDescent="0.55000000000000004">
      <c r="A193" s="6"/>
      <c r="B193" s="6"/>
      <c r="C193" s="8"/>
      <c r="D193" s="6"/>
      <c r="E193" s="6"/>
      <c r="F193" s="6"/>
      <c r="G193" s="6"/>
    </row>
    <row r="194" spans="1:7" ht="28" customHeight="1" x14ac:dyDescent="0.55000000000000004">
      <c r="A194" s="6"/>
      <c r="B194" s="6"/>
      <c r="C194" s="8"/>
      <c r="D194" s="6"/>
      <c r="E194" s="6"/>
      <c r="F194" s="6"/>
      <c r="G194" s="6"/>
    </row>
    <row r="195" spans="1:7" ht="28" customHeight="1" x14ac:dyDescent="0.55000000000000004">
      <c r="A195" s="6"/>
      <c r="B195" s="6"/>
      <c r="C195" s="8"/>
      <c r="D195" s="6"/>
      <c r="E195" s="6"/>
      <c r="F195" s="6"/>
      <c r="G195" s="6"/>
    </row>
    <row r="196" spans="1:7" ht="28" customHeight="1" x14ac:dyDescent="0.55000000000000004">
      <c r="A196" s="6"/>
      <c r="B196" s="6"/>
      <c r="C196" s="8"/>
      <c r="D196" s="6"/>
      <c r="E196" s="6"/>
      <c r="F196" s="6"/>
      <c r="G196" s="6"/>
    </row>
    <row r="197" spans="1:7" ht="28" customHeight="1" x14ac:dyDescent="0.55000000000000004">
      <c r="A197" s="6"/>
      <c r="B197" s="6"/>
      <c r="C197" s="8"/>
      <c r="D197" s="6"/>
      <c r="E197" s="6"/>
      <c r="F197" s="6"/>
      <c r="G197" s="6"/>
    </row>
    <row r="198" spans="1:7" ht="28" customHeight="1" x14ac:dyDescent="0.55000000000000004">
      <c r="A198" s="6"/>
      <c r="B198" s="6"/>
      <c r="C198" s="8"/>
      <c r="D198" s="6"/>
      <c r="E198" s="6"/>
      <c r="F198" s="6"/>
      <c r="G198" s="6"/>
    </row>
    <row r="199" spans="1:7" ht="28" customHeight="1" x14ac:dyDescent="0.55000000000000004">
      <c r="A199" s="6"/>
      <c r="B199" s="6"/>
      <c r="C199" s="8"/>
      <c r="D199" s="6"/>
      <c r="E199" s="6"/>
      <c r="F199" s="6"/>
      <c r="G199" s="6"/>
    </row>
    <row r="200" spans="1:7" ht="28" customHeight="1" x14ac:dyDescent="0.55000000000000004">
      <c r="A200" s="6"/>
      <c r="B200" s="6"/>
      <c r="C200" s="8"/>
      <c r="D200" s="6"/>
      <c r="E200" s="6"/>
      <c r="F200" s="6"/>
      <c r="G200" s="6"/>
    </row>
    <row r="201" spans="1:7" ht="28" customHeight="1" x14ac:dyDescent="0.55000000000000004">
      <c r="A201" s="6"/>
      <c r="B201" s="6"/>
      <c r="C201" s="8"/>
      <c r="D201" s="6"/>
      <c r="E201" s="6"/>
      <c r="F201" s="6"/>
      <c r="G201" s="6"/>
    </row>
    <row r="202" spans="1:7" ht="28" customHeight="1" x14ac:dyDescent="0.55000000000000004">
      <c r="A202" s="6"/>
      <c r="B202" s="6"/>
      <c r="C202" s="8"/>
      <c r="D202" s="6"/>
      <c r="E202" s="6"/>
      <c r="F202" s="6"/>
      <c r="G202" s="6"/>
    </row>
    <row r="203" spans="1:7" ht="28" customHeight="1" x14ac:dyDescent="0.55000000000000004">
      <c r="A203" s="6"/>
      <c r="B203" s="6"/>
      <c r="C203" s="8"/>
      <c r="D203" s="6"/>
      <c r="E203" s="6"/>
      <c r="F203" s="6"/>
      <c r="G203" s="6"/>
    </row>
    <row r="204" spans="1:7" ht="28" customHeight="1" x14ac:dyDescent="0.55000000000000004">
      <c r="A204" s="6"/>
      <c r="B204" s="6"/>
      <c r="C204" s="8"/>
      <c r="D204" s="6"/>
      <c r="E204" s="6"/>
      <c r="F204" s="6"/>
      <c r="G204" s="6"/>
    </row>
    <row r="205" spans="1:7" ht="28" customHeight="1" x14ac:dyDescent="0.55000000000000004">
      <c r="A205" s="6"/>
      <c r="B205" s="6"/>
      <c r="C205" s="8"/>
      <c r="D205" s="6"/>
      <c r="E205" s="6"/>
      <c r="F205" s="6"/>
      <c r="G205" s="6"/>
    </row>
    <row r="206" spans="1:7" ht="28" customHeight="1" x14ac:dyDescent="0.55000000000000004">
      <c r="A206" s="6"/>
      <c r="B206" s="6"/>
      <c r="C206" s="8"/>
      <c r="D206" s="6"/>
      <c r="E206" s="6"/>
      <c r="F206" s="6"/>
      <c r="G206" s="6"/>
    </row>
    <row r="207" spans="1:7" ht="28" customHeight="1" x14ac:dyDescent="0.55000000000000004">
      <c r="A207" s="6"/>
      <c r="B207" s="6"/>
      <c r="C207" s="8"/>
      <c r="D207" s="6"/>
      <c r="E207" s="6"/>
      <c r="F207" s="6"/>
      <c r="G207" s="6"/>
    </row>
    <row r="208" spans="1:7" ht="28" customHeight="1" x14ac:dyDescent="0.55000000000000004">
      <c r="A208" s="6"/>
      <c r="B208" s="6"/>
      <c r="C208" s="8"/>
      <c r="D208" s="6"/>
      <c r="E208" s="6"/>
      <c r="F208" s="6"/>
      <c r="G208" s="6"/>
    </row>
    <row r="209" spans="1:7" ht="28" customHeight="1" x14ac:dyDescent="0.55000000000000004">
      <c r="A209" s="6"/>
      <c r="B209" s="6"/>
      <c r="C209" s="8"/>
      <c r="D209" s="6"/>
      <c r="E209" s="6"/>
      <c r="F209" s="6"/>
      <c r="G209" s="6"/>
    </row>
    <row r="210" spans="1:7" ht="28" customHeight="1" x14ac:dyDescent="0.55000000000000004">
      <c r="A210" s="6"/>
      <c r="B210" s="6"/>
      <c r="C210" s="8"/>
      <c r="D210" s="6"/>
      <c r="E210" s="6"/>
      <c r="F210" s="6"/>
      <c r="G210" s="6"/>
    </row>
    <row r="211" spans="1:7" ht="28" customHeight="1" x14ac:dyDescent="0.55000000000000004">
      <c r="A211" s="6"/>
      <c r="B211" s="6"/>
      <c r="C211" s="8"/>
      <c r="D211" s="6"/>
      <c r="E211" s="6"/>
      <c r="F211" s="6"/>
      <c r="G211" s="6"/>
    </row>
    <row r="212" spans="1:7" ht="28" customHeight="1" x14ac:dyDescent="0.55000000000000004">
      <c r="A212" s="6"/>
      <c r="B212" s="6"/>
      <c r="C212" s="8"/>
      <c r="D212" s="6"/>
      <c r="E212" s="6"/>
      <c r="F212" s="6"/>
      <c r="G212" s="6"/>
    </row>
    <row r="213" spans="1:7" ht="28" customHeight="1" x14ac:dyDescent="0.55000000000000004">
      <c r="A213" s="6"/>
      <c r="B213" s="6"/>
      <c r="C213" s="8"/>
      <c r="D213" s="6"/>
      <c r="E213" s="6"/>
      <c r="F213" s="6"/>
      <c r="G213" s="6"/>
    </row>
    <row r="214" spans="1:7" ht="28" customHeight="1" x14ac:dyDescent="0.55000000000000004">
      <c r="A214" s="6"/>
      <c r="B214" s="6"/>
      <c r="C214" s="8"/>
      <c r="D214" s="6"/>
      <c r="E214" s="6"/>
      <c r="F214" s="6"/>
      <c r="G214" s="6"/>
    </row>
    <row r="215" spans="1:7" ht="28" customHeight="1" x14ac:dyDescent="0.55000000000000004">
      <c r="A215" s="6"/>
      <c r="B215" s="6"/>
      <c r="C215" s="8"/>
      <c r="D215" s="6"/>
      <c r="E215" s="6"/>
      <c r="F215" s="6"/>
      <c r="G215" s="6"/>
    </row>
    <row r="216" spans="1:7" ht="28" customHeight="1" x14ac:dyDescent="0.55000000000000004">
      <c r="A216" s="6"/>
      <c r="B216" s="6"/>
      <c r="C216" s="8"/>
      <c r="D216" s="6"/>
      <c r="E216" s="6"/>
      <c r="F216" s="6"/>
      <c r="G216" s="6"/>
    </row>
    <row r="217" spans="1:7" ht="28" customHeight="1" x14ac:dyDescent="0.55000000000000004">
      <c r="A217" s="6"/>
      <c r="B217" s="6"/>
      <c r="C217" s="8"/>
      <c r="D217" s="6"/>
      <c r="E217" s="6"/>
      <c r="F217" s="6"/>
      <c r="G217" s="6"/>
    </row>
    <row r="218" spans="1:7" ht="28" customHeight="1" x14ac:dyDescent="0.55000000000000004">
      <c r="A218" s="6"/>
      <c r="B218" s="6"/>
      <c r="C218" s="8"/>
      <c r="D218" s="6"/>
      <c r="E218" s="6"/>
      <c r="F218" s="6"/>
      <c r="G218" s="6"/>
    </row>
    <row r="219" spans="1:7" ht="28" customHeight="1" x14ac:dyDescent="0.55000000000000004">
      <c r="A219" s="6"/>
      <c r="B219" s="6"/>
      <c r="C219" s="8"/>
      <c r="D219" s="6"/>
      <c r="E219" s="6"/>
      <c r="F219" s="6"/>
      <c r="G219" s="6"/>
    </row>
    <row r="220" spans="1:7" ht="28" customHeight="1" x14ac:dyDescent="0.55000000000000004">
      <c r="A220" s="6"/>
      <c r="B220" s="6"/>
      <c r="C220" s="8"/>
      <c r="D220" s="6"/>
      <c r="E220" s="6"/>
      <c r="F220" s="6"/>
      <c r="G220" s="6"/>
    </row>
    <row r="221" spans="1:7" x14ac:dyDescent="0.55000000000000004">
      <c r="A221" s="6"/>
      <c r="B221" s="6"/>
      <c r="C221" s="6"/>
      <c r="D221" s="6"/>
      <c r="E221" s="6"/>
      <c r="F221" s="6"/>
      <c r="G221" s="6"/>
    </row>
    <row r="222" spans="1:7" x14ac:dyDescent="0.55000000000000004">
      <c r="A222" s="6"/>
      <c r="B222" s="6"/>
      <c r="C222" s="6"/>
      <c r="D222" s="6"/>
      <c r="E222" s="6"/>
      <c r="F222" s="6"/>
      <c r="G222" s="6"/>
    </row>
    <row r="223" spans="1:7" x14ac:dyDescent="0.55000000000000004">
      <c r="A223" s="6"/>
      <c r="B223" s="6"/>
      <c r="C223" s="6"/>
      <c r="D223" s="6"/>
      <c r="E223" s="6"/>
      <c r="F223" s="6"/>
      <c r="G223" s="6"/>
    </row>
    <row r="224" spans="1:7" x14ac:dyDescent="0.55000000000000004">
      <c r="A224" s="6"/>
      <c r="B224" s="6"/>
      <c r="C224" s="6"/>
      <c r="D224" s="6"/>
      <c r="E224" s="6"/>
      <c r="F224" s="6"/>
      <c r="G224" s="6"/>
    </row>
    <row r="225" spans="1:7" x14ac:dyDescent="0.55000000000000004">
      <c r="A225" s="6"/>
      <c r="B225" s="6"/>
      <c r="C225" s="6"/>
      <c r="D225" s="6"/>
      <c r="E225" s="6"/>
      <c r="F225" s="6"/>
      <c r="G225" s="6"/>
    </row>
    <row r="226" spans="1:7" x14ac:dyDescent="0.55000000000000004">
      <c r="A226" s="6"/>
      <c r="B226" s="6"/>
      <c r="C226" s="6"/>
      <c r="D226" s="6"/>
      <c r="E226" s="6"/>
      <c r="F226" s="6"/>
      <c r="G226" s="6"/>
    </row>
    <row r="227" spans="1:7" x14ac:dyDescent="0.55000000000000004">
      <c r="A227" s="6"/>
      <c r="B227" s="6"/>
      <c r="C227" s="6"/>
      <c r="D227" s="6"/>
      <c r="E227" s="6"/>
      <c r="F227" s="6"/>
      <c r="G227" s="6"/>
    </row>
    <row r="228" spans="1:7" x14ac:dyDescent="0.55000000000000004">
      <c r="A228" s="6"/>
      <c r="B228" s="6"/>
      <c r="C228" s="6"/>
      <c r="D228" s="6"/>
      <c r="E228" s="6"/>
      <c r="F228" s="6"/>
      <c r="G228" s="6"/>
    </row>
    <row r="229" spans="1:7" x14ac:dyDescent="0.55000000000000004">
      <c r="A229" s="6"/>
      <c r="B229" s="6"/>
      <c r="C229" s="6"/>
      <c r="D229" s="6"/>
      <c r="E229" s="6"/>
      <c r="F229" s="6"/>
      <c r="G229" s="6"/>
    </row>
    <row r="230" spans="1:7" x14ac:dyDescent="0.55000000000000004">
      <c r="A230" s="6"/>
      <c r="B230" s="6"/>
      <c r="C230" s="6"/>
      <c r="D230" s="6"/>
      <c r="E230" s="6"/>
      <c r="F230" s="6"/>
      <c r="G230" s="6"/>
    </row>
    <row r="231" spans="1:7" x14ac:dyDescent="0.55000000000000004">
      <c r="A231" s="6"/>
      <c r="B231" s="6"/>
      <c r="C231" s="6"/>
      <c r="D231" s="6"/>
      <c r="E231" s="6"/>
      <c r="F231" s="6"/>
      <c r="G231" s="6"/>
    </row>
  </sheetData>
  <mergeCells count="2">
    <mergeCell ref="A1:D1"/>
    <mergeCell ref="E1:G1"/>
  </mergeCells>
  <phoneticPr fontId="1"/>
  <pageMargins left="0.7" right="0.7" top="0.75" bottom="0.75" header="0.3" footer="0.3"/>
  <pageSetup paperSize="9" scale="93"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１３一般</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井上　佳子</dc:creator>
  <cp:lastModifiedBy>井上　佳子</cp:lastModifiedBy>
  <cp:lastPrinted>2026-05-13T07:37:40Z</cp:lastPrinted>
  <dcterms:created xsi:type="dcterms:W3CDTF">2025-02-07T02:13:17Z</dcterms:created>
  <dcterms:modified xsi:type="dcterms:W3CDTF">2026-05-13T07:49:27Z</dcterms:modified>
</cp:coreProperties>
</file>